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30026"/>
  <workbookPr defaultThemeVersion="202300"/>
  <mc:AlternateContent xmlns:mc="http://schemas.openxmlformats.org/markup-compatibility/2006">
    <mc:Choice Requires="x15">
      <x15ac:absPath xmlns:x15ac="http://schemas.microsoft.com/office/spreadsheetml/2010/11/ac" url="C:\Users\s2029470\Desktop\Stationery\Working documents\Tender Pack\"/>
    </mc:Choice>
  </mc:AlternateContent>
  <xr:revisionPtr revIDLastSave="0" documentId="8_{9844D882-98F7-4551-A626-ADA062A8B0B9}" xr6:coauthVersionLast="47" xr6:coauthVersionMax="47" xr10:uidLastSave="{00000000-0000-0000-0000-000000000000}"/>
  <bookViews>
    <workbookView xWindow="0" yWindow="760" windowWidth="22118" windowHeight="10979" firstSheet="9" activeTab="15" xr2:uid="{C54D7B87-093D-4C2A-90E4-916C6BFF1239}"/>
  </bookViews>
  <sheets>
    <sheet name=" GS CL1" sheetId="1" r:id="rId1"/>
    <sheet name="GS CL2" sheetId="16" r:id="rId2"/>
    <sheet name="GN CL3" sheetId="2" r:id="rId3"/>
    <sheet name="LMP CL4" sheetId="3" r:id="rId4"/>
    <sheet name="LMP CL5" sheetId="5" r:id="rId5"/>
    <sheet name="MPU CL6" sheetId="4" r:id="rId6"/>
    <sheet name="MPU CL7" sheetId="6" r:id="rId7"/>
    <sheet name="WP CL8" sheetId="7" r:id="rId8"/>
    <sheet name="EC CL9" sheetId="8" r:id="rId9"/>
    <sheet name="EC CL10" sheetId="9" r:id="rId10"/>
    <sheet name="NW CL11" sheetId="10" r:id="rId11"/>
    <sheet name="NW CL12" sheetId="11" r:id="rId12"/>
    <sheet name="KZN CL13" sheetId="12" r:id="rId13"/>
    <sheet name="KZN CL14" sheetId="13" r:id="rId14"/>
    <sheet name="FS CL15 " sheetId="14" r:id="rId15"/>
    <sheet name="FS-CL16" sheetId="15" r:id="rId16"/>
  </sheets>
  <definedNames>
    <definedName name="_xlnm.Print_Area" localSheetId="0">' GS CL1'!$A$1:$G$123</definedName>
    <definedName name="_xlnm.Print_Area" localSheetId="9">'EC CL10'!$A$1:$G$123</definedName>
    <definedName name="_xlnm.Print_Area" localSheetId="8">'EC CL9'!$A$1:$G$120</definedName>
    <definedName name="_xlnm.Print_Area" localSheetId="14">'FS CL15 '!$A$1:$G$123</definedName>
    <definedName name="_xlnm.Print_Area" localSheetId="15">'FS-CL16'!$A$1:$G$119</definedName>
    <definedName name="_xlnm.Print_Area" localSheetId="2">'GN CL3'!$A$1:$G$128</definedName>
    <definedName name="_xlnm.Print_Area" localSheetId="1">'GS CL2'!$A$1:$G$126</definedName>
    <definedName name="_xlnm.Print_Area" localSheetId="12">'KZN CL13'!$A$1:$G$129</definedName>
    <definedName name="_xlnm.Print_Area" localSheetId="13">'KZN CL14'!$A$1:$G$119</definedName>
    <definedName name="_xlnm.Print_Area" localSheetId="3">'LMP CL4'!$A$1:$G$123</definedName>
    <definedName name="_xlnm.Print_Area" localSheetId="4">'LMP CL5'!$A$1:$G$119</definedName>
    <definedName name="_xlnm.Print_Area" localSheetId="5">'MPU CL6'!$A$1:$G$125</definedName>
    <definedName name="_xlnm.Print_Area" localSheetId="6">'MPU CL7'!$A$1:$G$125</definedName>
    <definedName name="_xlnm.Print_Area" localSheetId="10">'NW CL11'!$A$1:$G$124</definedName>
    <definedName name="_xlnm.Print_Area" localSheetId="11">'NW CL12'!$A$1:$G$121</definedName>
    <definedName name="_xlnm.Print_Area" localSheetId="7">'WP CL8'!$A$1:$G$13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223" uniqueCount="355">
  <si>
    <t>TENDER NUMBER</t>
  </si>
  <si>
    <t>TENDER NAME</t>
  </si>
  <si>
    <t>CLUSTER</t>
  </si>
  <si>
    <t>BIDDER NAME</t>
  </si>
  <si>
    <t>NOTES :  Bidders must carefully read the NOTES before completing the Price Template</t>
  </si>
  <si>
    <t>2.The quoted prices MUST be inclusive of all SARS' requirements as per the Business Requirements Specification. No additional costs will be considered post award.</t>
  </si>
  <si>
    <t>Table 1: Annual Escalation Percentage</t>
  </si>
  <si>
    <t xml:space="preserve">Item Description </t>
  </si>
  <si>
    <t>Year 2</t>
  </si>
  <si>
    <t>Year 3</t>
  </si>
  <si>
    <t>Proposed Annual Escalation  (%)</t>
  </si>
  <si>
    <t>Unit of Measure</t>
  </si>
  <si>
    <t>Unit Price (Vat Incl)</t>
  </si>
  <si>
    <t>List of Sites</t>
  </si>
  <si>
    <t>Delivery Address</t>
  </si>
  <si>
    <t>Cost per Delivery</t>
  </si>
  <si>
    <t>Krugersdorp-Revenue Building</t>
  </si>
  <si>
    <t>Randfontein-Tambotie Mall</t>
  </si>
  <si>
    <t>Alberton CPO-Alberton Campus</t>
  </si>
  <si>
    <t>O.R. Tambo Internal Airport (ORTIA)</t>
  </si>
  <si>
    <t>Edenvale-Edenvale Centre</t>
  </si>
  <si>
    <t>Boksburg-Atlas Building</t>
  </si>
  <si>
    <t>Springs-Sanlam Building</t>
  </si>
  <si>
    <t>Vereeniging-Bedworth Centre</t>
  </si>
  <si>
    <t xml:space="preserve"> Table 4  Price Markup</t>
  </si>
  <si>
    <t>Description</t>
  </si>
  <si>
    <t xml:space="preserve">Percentage </t>
  </si>
  <si>
    <t>Product Price Markup %</t>
  </si>
  <si>
    <t xml:space="preserve"> Company Representative: Full Name</t>
  </si>
  <si>
    <t xml:space="preserve">Position in Company </t>
  </si>
  <si>
    <t>Signature</t>
  </si>
  <si>
    <t>Date</t>
  </si>
  <si>
    <t>Table 2: STATIONERY  LIST</t>
  </si>
  <si>
    <t>Paper Products</t>
  </si>
  <si>
    <t>Photocopy Paper A4</t>
  </si>
  <si>
    <t>80 GSM, High Whiteness (min 160 CIE), Laser/Inkjet compatible. Wrapped in moisture-proof reams. (Ream of 500 sheets)</t>
  </si>
  <si>
    <t>Photocopy Paper A3</t>
  </si>
  <si>
    <t>80 GSM, same quality as 1.1. (Ream of 500 sheets)</t>
  </si>
  <si>
    <t>Executive Writing Pad</t>
  </si>
  <si>
    <t>A4, 80 sheets, spiral bound (top), ruled, 70 GSM paper.</t>
  </si>
  <si>
    <t>Each</t>
  </si>
  <si>
    <t>76mm x 76mm, min. 100 sheets per pad. Self-adhesive High-quality adhesive (removable).</t>
  </si>
  <si>
    <t>Pad</t>
  </si>
  <si>
    <t>A4 Plastic Sleeves</t>
  </si>
  <si>
    <t>A4 pack of 100 pockets sleeves</t>
  </si>
  <si>
    <t>Laminating Pouches</t>
  </si>
  <si>
    <t>A4 Glossy Laminating Pouches (pack of 100)</t>
  </si>
  <si>
    <t>Pack</t>
  </si>
  <si>
    <t>A4 Boards</t>
  </si>
  <si>
    <t>A4 Assorted cover boards (pack of 50)</t>
  </si>
  <si>
    <t>Memo cubes</t>
  </si>
  <si>
    <t>Memo cubes refill, 500 sheets, 100 x 100, Assorted colours.</t>
  </si>
  <si>
    <t>A4 PVC Dividers</t>
  </si>
  <si>
    <t>A4 PVC 140 Micron Dividers Numbered 1-5 Pack of 5</t>
  </si>
  <si>
    <t>Covers</t>
  </si>
  <si>
    <t>Self-Adhesive Book Covers. Box of 12 pcs</t>
  </si>
  <si>
    <t>Box</t>
  </si>
  <si>
    <t>Plastic / Brown/colourful Covers</t>
  </si>
  <si>
    <t>Plastic/Brown/ Colourful Covers for books. Box of 12 pcs</t>
  </si>
  <si>
    <t xml:space="preserve">Box </t>
  </si>
  <si>
    <t>Writing &amp; marking</t>
  </si>
  <si>
    <t>Ballpoint Pens (Blue)</t>
  </si>
  <si>
    <t>0.7mm fine tip, skip-free ink, comfortable grip, cap with clip. Box of 10pcs</t>
  </si>
  <si>
    <t>Permanent Markers</t>
  </si>
  <si>
    <t>Bullet tip, black/blue/red. Waterproof and quick-drying ink.</t>
  </si>
  <si>
    <t>Highlighters</t>
  </si>
  <si>
    <t>Pencils (HB)</t>
  </si>
  <si>
    <t>Premium graphite, wood-cased, break-resistant. Box of 12 pcs</t>
  </si>
  <si>
    <t>Black Pilot Pens</t>
  </si>
  <si>
    <t>Black Pilot Retractable Pens G2-7 Box of 12 pcs</t>
  </si>
  <si>
    <t>Red Pilot Pens</t>
  </si>
  <si>
    <t>Red Pilot Retractable Pens G2-7 Box of 12 pcs</t>
  </si>
  <si>
    <t>White board markers</t>
  </si>
  <si>
    <t>Whiteboard Marker Assorted Box of 12 pcs</t>
  </si>
  <si>
    <t>Superb Ball Point</t>
  </si>
  <si>
    <t>Black Superb ballpoint 0.5mm Box of 12 pcs</t>
  </si>
  <si>
    <t>Red Superb ballpoint 0.5mm Box of 12 pcs</t>
  </si>
  <si>
    <t>Trio pens</t>
  </si>
  <si>
    <t>Black Trio pens 0.7mm Box of 12 pcs</t>
  </si>
  <si>
    <t>Red Trio pens 0.7mm Box of 12 pcs</t>
  </si>
  <si>
    <t>Pencils</t>
  </si>
  <si>
    <t>Hot shots 0.7mm. Box of 12 pcs</t>
  </si>
  <si>
    <t>Pencil Leads</t>
  </si>
  <si>
    <t>0.7mm Leads for pencils (tube of 12 pcs)</t>
  </si>
  <si>
    <t>Eraser</t>
  </si>
  <si>
    <t>Eraser large. Pack of 12 pcs</t>
  </si>
  <si>
    <t xml:space="preserve">Pack </t>
  </si>
  <si>
    <t>Click Pens</t>
  </si>
  <si>
    <t>Click Black/ Red Pens (Box of 60 pcs)</t>
  </si>
  <si>
    <t>Filing &amp; Storage</t>
  </si>
  <si>
    <t>Black/Blue Lever Arch Files</t>
  </si>
  <si>
    <t>A4, 75mm spine, heavy-duty board with PVC coating, metal finger ring and rado system. |</t>
  </si>
  <si>
    <t>Plastic L-Folders</t>
  </si>
  <si>
    <t>Box Files</t>
  </si>
  <si>
    <t>F/S (Foolscap) size, internal spring clip, extra-thick board.</t>
  </si>
  <si>
    <t>Sheet Protectors</t>
  </si>
  <si>
    <t>A4, 11-hole universal punch, crystal clear, 50-micron min. Pack of 100 pcs</t>
  </si>
  <si>
    <t>Occurrence Books</t>
  </si>
  <si>
    <t>400pages Occurrence Books</t>
  </si>
  <si>
    <t>Attendance Register</t>
  </si>
  <si>
    <t>A4 Daily Attendance Register Ruled JD283</t>
  </si>
  <si>
    <t>A6 Books</t>
  </si>
  <si>
    <t>Premier A6 Memo Hard cover book 144pgs Feint Margin</t>
  </si>
  <si>
    <t>A4 Books</t>
  </si>
  <si>
    <t>A4 388pg/192pg Feint Margin Hard cover book</t>
  </si>
  <si>
    <t>Desk Essentials</t>
  </si>
  <si>
    <t>Heavy Duty Stapler</t>
  </si>
  <si>
    <t>Metal body, 24/6 or 26/6 size, min. 30-sheet capacity.</t>
  </si>
  <si>
    <t>Paper Punch (2-Hole)</t>
  </si>
  <si>
    <t>Metal construction, guide bar included 25-sheet capacity.</t>
  </si>
  <si>
    <t>Stainless Steel Scissors</t>
  </si>
  <si>
    <t>8-inch length, ergonomic plastic handles, rust-resistant.</t>
  </si>
  <si>
    <t>Glue Sticks</t>
  </si>
  <si>
    <t>40g, non-toxic, acid-free, smooth application.</t>
  </si>
  <si>
    <t>Heavy Duty Punch</t>
  </si>
  <si>
    <t>Metal heavy duty Punch</t>
  </si>
  <si>
    <t>Clip Boards</t>
  </si>
  <si>
    <t>A4 PVC Blue/Brown clip board with pen holder</t>
  </si>
  <si>
    <t>Paper Clips</t>
  </si>
  <si>
    <t>Foldback Black Paper clips small and Big</t>
  </si>
  <si>
    <t>Rubber Bands</t>
  </si>
  <si>
    <t>1kg 100g Rubber Bands 90mmx6mm</t>
  </si>
  <si>
    <t>1kg 100g 75% Crepe Rubber Bands</t>
  </si>
  <si>
    <t>Sellotape</t>
  </si>
  <si>
    <t>Clear Sellotape 12mmx66m large core (12pkt)</t>
  </si>
  <si>
    <t>Buff Tape</t>
  </si>
  <si>
    <t>Buff Tape 40mmx48mm</t>
  </si>
  <si>
    <t>Clear Bopp tape</t>
  </si>
  <si>
    <t>Clear packaging Bopp Tape 100m x48mm 40 micron thick</t>
  </si>
  <si>
    <t xml:space="preserve">Stainless Steel </t>
  </si>
  <si>
    <t>Stainless Steel Cutter Blades 10 piece set 18mm per package</t>
  </si>
  <si>
    <t>File Fasteners 50 (box)</t>
  </si>
  <si>
    <t>Whiteboard</t>
  </si>
  <si>
    <t>Magnetic Premium Whiteboard 1800x200mm</t>
  </si>
  <si>
    <t>Magnetic Whiteboard 1200x900mm</t>
  </si>
  <si>
    <t>Calculator</t>
  </si>
  <si>
    <t>10digit Display Calculator White</t>
  </si>
  <si>
    <t>Electronic 12Digit Large Display Calculator</t>
  </si>
  <si>
    <t>Desk organizer</t>
  </si>
  <si>
    <t>5 Tier Mesh Desk organiser with file holder drawer and 2 Penholder</t>
  </si>
  <si>
    <t>date stamps</t>
  </si>
  <si>
    <t>Round/ Oval Date ink stamps</t>
  </si>
  <si>
    <t>Commissioner stamp</t>
  </si>
  <si>
    <t>Oath Commissioner Stamps</t>
  </si>
  <si>
    <t>Inks</t>
  </si>
  <si>
    <t>30ml Inks for stamps Red/Black&amp;Blue</t>
  </si>
  <si>
    <t>Envelopes</t>
  </si>
  <si>
    <t>C5 White/Brown Self Seal 162mmx229mm (Box of 250 pcs)</t>
  </si>
  <si>
    <t>C5 White/Brown Self Seal 110mmx220mm (Box of 500 pcs)</t>
  </si>
  <si>
    <t>C5 White/Brown Self Seal 324mmx229mm (Box of 250 pcs)</t>
  </si>
  <si>
    <t>Rubber Cones</t>
  </si>
  <si>
    <t>Fingerettes various Rubber Cones</t>
  </si>
  <si>
    <t>Clear spray</t>
  </si>
  <si>
    <t>250ml Clear screen Spray</t>
  </si>
  <si>
    <t>Stamp Pads</t>
  </si>
  <si>
    <t>Magnetic Whiteboard Eraser 145x55mm (12peel off Layers)</t>
  </si>
  <si>
    <t>Wipe Eraser</t>
  </si>
  <si>
    <t>Eraser wipe cloth 400x300mm</t>
  </si>
  <si>
    <t>Rulers</t>
  </si>
  <si>
    <t>Staples</t>
  </si>
  <si>
    <t>26/6 Staples (Box of 5000 pcs)</t>
  </si>
  <si>
    <t>Staple Remover</t>
  </si>
  <si>
    <t>Heavy Duty Staple Remover</t>
  </si>
  <si>
    <t>Staple remover</t>
  </si>
  <si>
    <t>RFP XX/2026</t>
  </si>
  <si>
    <t>4. Bidders are required to complete pricing for ALL Items within the Pricing Template. An incomplete Pricing Template will be deemed as non-responsive bid and the bidder will be disqualified</t>
  </si>
  <si>
    <t>5. Annual Escalation percentage(%) -Bidders are required to propose the applicable annual escalation percentages for Year 2 and Year 3. SARS reserves the right to negotiate the annual escalation with the recommended bidder, aligning it to the Consumer Price Index (CPI), at the anniversary of the contract and on an annual basis for the duration of the contract.</t>
  </si>
  <si>
    <t>6. SARS reserves the right to negotiate all proposed amounts with the recommended bidder prior to signing the Contract .</t>
  </si>
  <si>
    <t>APPOINTMENT OF SERVICE PROVIDER(S) FOR THE PROVISION AND DELIVERY OF STATIONERY TO SARS NATIONALLY FOR A PERIOD OF 36 MONTHS</t>
  </si>
  <si>
    <t>Product</t>
  </si>
  <si>
    <t>No.</t>
  </si>
  <si>
    <t>A4, transparent, 120-micron thickness, side &amp; bottom sealed. Pack of 100 pcs</t>
  </si>
  <si>
    <t xml:space="preserve">Box of  5 reams </t>
  </si>
  <si>
    <t xml:space="preserve"> Table 3  Delivery Costs</t>
  </si>
  <si>
    <t>Centurion Branch Office _ Doringkloof Office</t>
  </si>
  <si>
    <t>7 Protea Street Doringkloof street,Centurion</t>
  </si>
  <si>
    <t>Brooklyn-Brooklyn Bridge(Hilton/Linton/Stevenson House)</t>
  </si>
  <si>
    <t>570 Fehrsen street,Brroklyn Pretoria</t>
  </si>
  <si>
    <t>Brooklyn-Lehae La SARS</t>
  </si>
  <si>
    <t>299  Bronkhorst street,nieuw Muckleneuk Pretoria</t>
  </si>
  <si>
    <t>Brooklyn-Khanyisa Building</t>
  </si>
  <si>
    <t>271  Bronkhorst street,nieuw Muckleneuk Pretoria</t>
  </si>
  <si>
    <t>Brooklyn-Landbank Building</t>
  </si>
  <si>
    <t>Corner Bronkhorst and Veale Street</t>
  </si>
  <si>
    <t>Pretoria ROR _ Revenue Building</t>
  </si>
  <si>
    <t>C/O Schoeman and Van Der Walt str,Pretoria</t>
  </si>
  <si>
    <t>Pretoria East Branch Office _ Ashlea Gardens</t>
  </si>
  <si>
    <t>46 Lebombo Road, Ashlea Gardens,Pretoria</t>
  </si>
  <si>
    <t>Johannesburg Branch Office _ Government Building</t>
  </si>
  <si>
    <t>4 Rissik street Johannesburg</t>
  </si>
  <si>
    <t>Randburg Revenue Building</t>
  </si>
  <si>
    <t>25 Hill St, Ferndale, Randburg</t>
  </si>
  <si>
    <t>Roodepoort Branch Office _ Horizon View</t>
  </si>
  <si>
    <t>Corner of Sonop and Ontdekkers Road, </t>
  </si>
  <si>
    <t>Soweto Bara Branch Office _ Asambhe Cen</t>
  </si>
  <si>
    <t>Chris Hani Rd, Power Park, Soweto</t>
  </si>
  <si>
    <t>Polokwane-DPW Govt Building</t>
  </si>
  <si>
    <t>40 Landdros Mare Street Polokwane</t>
  </si>
  <si>
    <t xml:space="preserve">Lebowakgomo-Legislature Building </t>
  </si>
  <si>
    <t>Old Parliamentary Building, Block 4, Lebowakgomo</t>
  </si>
  <si>
    <t>Giyani-Old Parliament Building</t>
  </si>
  <si>
    <t> Parliament Building, Department of Justice, Main Road, Giyani</t>
  </si>
  <si>
    <t>Thohoyandou-SARS Building</t>
  </si>
  <si>
    <t>Grobler's Bridge border post Limpopo</t>
  </si>
  <si>
    <t>Grobler's Bridge Border</t>
  </si>
  <si>
    <t>Main Rd, Thohoyandou-P, Thohoyandou</t>
  </si>
  <si>
    <t xml:space="preserve">Beitbdridge Border </t>
  </si>
  <si>
    <t>N1 Far North Beitbridge boarder posta</t>
  </si>
  <si>
    <t>Mbombela-Ex Game Building</t>
  </si>
  <si>
    <t>31 Sitrus Crescent The Square Mbombela</t>
  </si>
  <si>
    <t>Jeppes Reef Border Post</t>
  </si>
  <si>
    <t>RSA/Swaziland Border Post  End to 570 to Eswatini</t>
  </si>
  <si>
    <t>Mananga Border Post</t>
  </si>
  <si>
    <t>RSA/ Swaziland Border Post End R571 to Eswatini</t>
  </si>
  <si>
    <t>KMIA</t>
  </si>
  <si>
    <t>Kruger Mpumalanga International Airport</t>
  </si>
  <si>
    <t>Lebombo Border Post</t>
  </si>
  <si>
    <t>RSA/ Mozambique Border Post
End N4</t>
  </si>
  <si>
    <t>Emalahleni-Province House Building</t>
  </si>
  <si>
    <t>Standerton-Revenue Building</t>
  </si>
  <si>
    <t>Building-Kerk St &amp; Princess St</t>
  </si>
  <si>
    <t xml:space="preserve">Neston Border(Highveld area) </t>
  </si>
  <si>
    <t>RSA/ Swaziland Border Post end R65 to Eswatini Westoe Dam road</t>
  </si>
  <si>
    <t>Mahamba Border(Highveld Area)</t>
  </si>
  <si>
    <t>RSA/ Swaziland Border Post End to R543 to Eswatini</t>
  </si>
  <si>
    <t>Oshoek Border</t>
  </si>
  <si>
    <t>RSA/ Swaziland Border Post end to N 17 to Eswatini</t>
  </si>
  <si>
    <t> 22 Hans Strydom Avenue, Cape Town</t>
  </si>
  <si>
    <t>Cape Town-17 Lower Long</t>
  </si>
  <si>
    <t>17 Lower Long St</t>
  </si>
  <si>
    <t>Cape Town-Harbour State warehouse</t>
  </si>
  <si>
    <t>22 Hans Strijdom Av</t>
  </si>
  <si>
    <t xml:space="preserve">Cape Town-Cowrie Place </t>
  </si>
  <si>
    <t xml:space="preserve">Cape Town Habour </t>
  </si>
  <si>
    <t>Paarl-Rhoba Building</t>
  </si>
  <si>
    <t>19/20 Market Street, Paarl</t>
  </si>
  <si>
    <t>Bellville-Parc Du Cap</t>
  </si>
  <si>
    <t>1 Mispel road Oakdale Bellville</t>
  </si>
  <si>
    <t>Bellville-SANBEL ABSA Building</t>
  </si>
  <si>
    <t>14 Strand Road, Bellville </t>
  </si>
  <si>
    <t>Worcster-Naude Building</t>
  </si>
  <si>
    <t>59 Church St, Worcester Central, Worcester</t>
  </si>
  <si>
    <t>Mitchell Plein-Michell Plein Shopping Centre</t>
  </si>
  <si>
    <t>Liberty Promenade Shopping Centre, AZ Berman Drive, Beacon Valley, Mitchells Plain</t>
  </si>
  <si>
    <t>Stellenbosch-Valerieda Centre</t>
  </si>
  <si>
    <t>C/o Piet Retief &amp; School Streets, Stellenbosch</t>
  </si>
  <si>
    <t>George-New George Office</t>
  </si>
  <si>
    <t>Cape Town -P166</t>
  </si>
  <si>
    <t xml:space="preserve">Cape Town -Parliament Building </t>
  </si>
  <si>
    <t xml:space="preserve">Mthatha - Hillcrest </t>
  </si>
  <si>
    <t>CNR of John Beer Drive &amp; N2, Hillcrest Shopping Centre, Mthatha, 5099</t>
  </si>
  <si>
    <t xml:space="preserve">East London - Waverley Park </t>
  </si>
  <si>
    <t>3-36 Phillip Frame Road, Chislehurst, Waverly, East London</t>
  </si>
  <si>
    <t>Port Elizabeth - Revenue House</t>
  </si>
  <si>
    <t>Cnr of Winston Ntshona &amp; John Kani Road, Central, Gqeberha (PE)</t>
  </si>
  <si>
    <t>Port Elizabeth - Sanlam building</t>
  </si>
  <si>
    <t>3 Winston Ntshona Street, Central, Gqeberha (PE)</t>
  </si>
  <si>
    <t xml:space="preserve">Kariega - Corkwood Square Kariega Branch office </t>
  </si>
  <si>
    <t>Corkwood Square Mall, Union Avenue, Kariega (Uitenhage)</t>
  </si>
  <si>
    <t>Gqeberha - Coega CCA Building</t>
  </si>
  <si>
    <t>Coega Business Centre, Corner Alcyon Rd &amp; Zibuko Street</t>
  </si>
  <si>
    <t>Rustenburg-Damelin Building,</t>
  </si>
  <si>
    <t>Klerksdorp-Sodema Building</t>
  </si>
  <si>
    <t>Mmabatho-Komongwe Building</t>
  </si>
  <si>
    <t>39 Heystek Street Rustenburg</t>
  </si>
  <si>
    <t>Corner Anderson and Voorterkker</t>
  </si>
  <si>
    <t>Corner Batlhaping and Balokologadi street</t>
  </si>
  <si>
    <t>Kopfontein Border</t>
  </si>
  <si>
    <t>R47 Gaborone Road, Kopfontein Border Post</t>
  </si>
  <si>
    <t xml:space="preserve"> Skilpadhek Border-N4 Lobatse Road Zeerust</t>
  </si>
  <si>
    <t>N4 Lobatse Road Zeerust</t>
  </si>
  <si>
    <t xml:space="preserve">Ramatlabama Border </t>
  </si>
  <si>
    <t>Nelson Mandela Drive, Ramatlabama</t>
  </si>
  <si>
    <t>Durban-Trescon House</t>
  </si>
  <si>
    <t>Durban - New Pier States Warehouse + Scanner Site</t>
  </si>
  <si>
    <t>Richards Bay - Customs House</t>
  </si>
  <si>
    <t>Richards Bay - Bay Side Mall</t>
  </si>
  <si>
    <t>Durban - King Shaka International Airport</t>
  </si>
  <si>
    <t>Pietermaritzburg</t>
  </si>
  <si>
    <t>Port Shepstone</t>
  </si>
  <si>
    <t>Umhlanga</t>
  </si>
  <si>
    <t>Newcastle</t>
  </si>
  <si>
    <t>Pinetown branch office</t>
  </si>
  <si>
    <t>Golela Border Post</t>
  </si>
  <si>
    <t>201 Dr Pixley Kaseme Str, Durban</t>
  </si>
  <si>
    <t>960 Bayhead Road, Durban</t>
  </si>
  <si>
    <t>The Boulevard Shopping Centre, Richards Bay</t>
  </si>
  <si>
    <t>King Shaka International Airport</t>
  </si>
  <si>
    <t>9 Armitage Road</t>
  </si>
  <si>
    <t>16 Bisset Street</t>
  </si>
  <si>
    <t>29 Equinox Drive</t>
  </si>
  <si>
    <t>36 Scott Street, Newcastle</t>
  </si>
  <si>
    <t>45 Josiah Gumede Road, Union Main Centre</t>
  </si>
  <si>
    <t>Golela Border Post, Golela Port of Entry end of P720 Road</t>
  </si>
  <si>
    <t>Kosibay Border Post</t>
  </si>
  <si>
    <t>R22 Emanguzi/KwanGwanase, Northern Kwazulu Natal</t>
  </si>
  <si>
    <t>Bloemfontein Office</t>
  </si>
  <si>
    <t>88 Zastron Street, Bloemfontein Central</t>
  </si>
  <si>
    <t>Calendonspoort Border Post</t>
  </si>
  <si>
    <t>Near Fouriesburg Butha Buthe, Lesotho</t>
  </si>
  <si>
    <t>Maseru Bridge Border  Post</t>
  </si>
  <si>
    <t>Old Cheese factory, Ladybrand</t>
  </si>
  <si>
    <t>Ficksburg Border Post</t>
  </si>
  <si>
    <t>Bloem Street</t>
  </si>
  <si>
    <t>Van Rooyen's Border Post</t>
  </si>
  <si>
    <t>Near Wepener, Mafeteng</t>
  </si>
  <si>
    <t>Qacha's Nek Border Post</t>
  </si>
  <si>
    <t>VMCP+77J Bellford, Lesotho</t>
  </si>
  <si>
    <t>Gauteng South - Cluster 1</t>
  </si>
  <si>
    <t>Gauteng North (Head Office and Central) -- Cluster 2</t>
  </si>
  <si>
    <t>Limpopo - Cluster 3</t>
  </si>
  <si>
    <t>Limpopo - Cluster 4</t>
  </si>
  <si>
    <t>Mpumalanga - Cluster 5</t>
  </si>
  <si>
    <t>Mpumalanga - Cluster 6</t>
  </si>
  <si>
    <t>Western Cape - Cluster 7</t>
  </si>
  <si>
    <t>Eastern Cape Cluster 8</t>
  </si>
  <si>
    <t>Eastern Cape- Cluster 9</t>
  </si>
  <si>
    <t>North West - Cluster  10</t>
  </si>
  <si>
    <t>KwaZulu-Natal - Cluster 12</t>
  </si>
  <si>
    <t>KwaZulu-Natal - Cluster 13</t>
  </si>
  <si>
    <t>Free State  - Cluster 14</t>
  </si>
  <si>
    <t>Free State -  Cluster 15</t>
  </si>
  <si>
    <t>4.20</t>
  </si>
  <si>
    <t>4.30</t>
  </si>
  <si>
    <t>Eastern Cape - Cluster 9</t>
  </si>
  <si>
    <t>North West- Cluster 11</t>
  </si>
  <si>
    <t>Free State - Cluster 15</t>
  </si>
  <si>
    <t>RFP 10/2026</t>
  </si>
  <si>
    <r>
      <t>1. Bidders are required to complete all columns highlighted in "</t>
    </r>
    <r>
      <rPr>
        <b/>
        <u/>
        <sz val="11"/>
        <rFont val="Aptos Narrow"/>
        <family val="2"/>
        <scheme val="minor"/>
      </rPr>
      <t>Green</t>
    </r>
    <r>
      <rPr>
        <sz val="11"/>
        <rFont val="Aptos Narrow"/>
        <family val="2"/>
        <scheme val="minor"/>
      </rPr>
      <t>" only.</t>
    </r>
    <r>
      <rPr>
        <sz val="11"/>
        <color theme="1"/>
        <rFont val="Aptos Narrow"/>
        <family val="2"/>
        <scheme val="minor"/>
      </rPr>
      <t xml:space="preserve"> Bidders to only complete the template for the Cluster that they are bidding for.</t>
    </r>
  </si>
  <si>
    <t>Free State - Cluster 16</t>
  </si>
  <si>
    <t xml:space="preserve">Appointment Of Service Provider/S For The Provision And Delivery Of Stationery </t>
  </si>
  <si>
    <t>Gauteng South - Cluster 2</t>
  </si>
  <si>
    <r>
      <t>1. Bidders are required to complete all columns highlighted in "</t>
    </r>
    <r>
      <rPr>
        <b/>
        <u/>
        <sz val="12"/>
        <rFont val="Calibri"/>
        <family val="2"/>
      </rPr>
      <t>Green</t>
    </r>
    <r>
      <rPr>
        <sz val="12"/>
        <rFont val="Calibri"/>
        <family val="2"/>
      </rPr>
      <t>" only.</t>
    </r>
    <r>
      <rPr>
        <sz val="12"/>
        <color theme="1"/>
        <rFont val="Calibri"/>
        <family val="2"/>
      </rPr>
      <t xml:space="preserve"> Bidders to only complete the template for the Cluster that they are bidding for.</t>
    </r>
  </si>
  <si>
    <t>Gauteng North (Head Office and Central) - Cluster 3</t>
  </si>
  <si>
    <r>
      <t>1. Bidders are required to complete all columns highlighted in "</t>
    </r>
    <r>
      <rPr>
        <b/>
        <u/>
        <sz val="11"/>
        <rFont val="Calibri"/>
        <family val="2"/>
      </rPr>
      <t>Green</t>
    </r>
    <r>
      <rPr>
        <sz val="11"/>
        <rFont val="Calibri"/>
        <family val="2"/>
      </rPr>
      <t>" only.</t>
    </r>
    <r>
      <rPr>
        <sz val="11"/>
        <color theme="1"/>
        <rFont val="Calibri"/>
        <family val="2"/>
      </rPr>
      <t xml:space="preserve"> Bidders to only complete the template for the Cluster that they are bidding for.</t>
    </r>
  </si>
  <si>
    <t>Limpopo - Cluster 5</t>
  </si>
  <si>
    <t>4. Bidders are required to complete pricing for ALL Items within the Pricing Template. An incomplete Pricing Template will be deemed as non-responsive bid and the bidder will be disqualified.</t>
  </si>
  <si>
    <t>Botha Ave &amp;, 12 Kruger St, eMalahleni</t>
  </si>
  <si>
    <t>Mpumalanga - Cluster 7</t>
  </si>
  <si>
    <r>
      <t>1 Platinum Drive, Edenpark, George</t>
    </r>
    <r>
      <rPr>
        <sz val="12"/>
        <color rgb="FF0A0A0A"/>
        <rFont val="Calibri"/>
        <family val="2"/>
      </rPr>
      <t>.</t>
    </r>
  </si>
  <si>
    <t>Western Cape - Cluster 8</t>
  </si>
  <si>
    <t>Eastern Cape - Cluster 10</t>
  </si>
  <si>
    <t>North West- Cluster 12</t>
  </si>
  <si>
    <t>KwaZulu-Natal - Cluster 14</t>
  </si>
  <si>
    <t>3. The prices must be given in South African Rand and must be inclusive of all related costs (Mark-up etc).</t>
  </si>
  <si>
    <r>
      <t xml:space="preserve">8. Bidders </t>
    </r>
    <r>
      <rPr>
        <u/>
        <sz val="12"/>
        <rFont val="Calibri"/>
        <family val="2"/>
      </rPr>
      <t>MUST NOT</t>
    </r>
    <r>
      <rPr>
        <sz val="12"/>
        <rFont val="Calibri"/>
        <family val="2"/>
      </rPr>
      <t xml:space="preserve"> change the Pricing Template. SARS may at its sole discretion disqualify the bid as non-responsive in the event that the pricing template has been changed. </t>
    </r>
  </si>
  <si>
    <t xml:space="preserve">9. Bidders can provide comments, assumptions and any points of clarification on a separate letter as an annexure to their price proposal, and this should be done on their company letterhead. </t>
  </si>
  <si>
    <t>10.The pricing is to remain valid 180 days from the closing date of this tender.</t>
  </si>
  <si>
    <t>11. Bidders must complete the Pricing Template, print the spreadsheet, initial each page, sign and submit in Hardcopy also submit in electronic (EXCEL) format.</t>
  </si>
  <si>
    <t>Sticky Notes – self adhesive (Assorted)</t>
  </si>
  <si>
    <t>Chisel tip, anti-dry-out technology (fluorescent colours). Pack of 4 Assorted</t>
  </si>
  <si>
    <t>File Fasteners</t>
  </si>
  <si>
    <t xml:space="preserve">8. Bidders MUST NOT change the Pricing Template. SARS may at its sole discretion disqualify the bid as non-responsive in the event that the pricing template has been changed. </t>
  </si>
  <si>
    <t>Unit Price (Vat Inci)</t>
  </si>
  <si>
    <t>7. SARS reserves the right increase or decrease the sites within the Clusters due to operational requirements at anytime during the execution of the MS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quot;R&quot;\ #,##0.00"/>
  </numFmts>
  <fonts count="39" x14ac:knownFonts="1">
    <font>
      <sz val="11"/>
      <color theme="1"/>
      <name val="Aptos Narrow"/>
      <family val="2"/>
      <scheme val="minor"/>
    </font>
    <font>
      <sz val="11"/>
      <color theme="1"/>
      <name val="Aptos Narrow"/>
      <family val="2"/>
      <scheme val="minor"/>
    </font>
    <font>
      <sz val="10"/>
      <color theme="1"/>
      <name val="Aptos Narrow"/>
      <family val="2"/>
      <scheme val="minor"/>
    </font>
    <font>
      <sz val="11"/>
      <color theme="1"/>
      <name val="Arial Narrow"/>
      <family val="2"/>
    </font>
    <font>
      <b/>
      <u/>
      <sz val="11"/>
      <name val="Aptos Narrow"/>
      <family val="2"/>
      <scheme val="minor"/>
    </font>
    <font>
      <sz val="11"/>
      <name val="Aptos Narrow"/>
      <family val="2"/>
      <scheme val="minor"/>
    </font>
    <font>
      <b/>
      <sz val="12"/>
      <color theme="0"/>
      <name val="Aptos Narrow"/>
      <family val="2"/>
      <scheme val="minor"/>
    </font>
    <font>
      <sz val="12"/>
      <color theme="1"/>
      <name val="Aptos Narrow"/>
      <family val="2"/>
      <scheme val="minor"/>
    </font>
    <font>
      <sz val="10"/>
      <name val="Arial"/>
      <family val="2"/>
    </font>
    <font>
      <sz val="12"/>
      <name val="Aptos Narrow"/>
      <family val="2"/>
      <scheme val="minor"/>
    </font>
    <font>
      <sz val="11"/>
      <color theme="1"/>
      <name val="Arial"/>
      <family val="2"/>
    </font>
    <font>
      <sz val="11"/>
      <color indexed="8"/>
      <name val="Calibri"/>
      <family val="2"/>
    </font>
    <font>
      <b/>
      <sz val="12"/>
      <color theme="1"/>
      <name val="Aptos Narrow"/>
      <family val="2"/>
      <scheme val="minor"/>
    </font>
    <font>
      <sz val="8"/>
      <name val="Aptos Narrow"/>
      <family val="2"/>
      <scheme val="minor"/>
    </font>
    <font>
      <u/>
      <sz val="11"/>
      <color theme="10"/>
      <name val="Aptos Narrow"/>
      <family val="2"/>
      <scheme val="minor"/>
    </font>
    <font>
      <b/>
      <sz val="12"/>
      <name val="Aptos Narrow"/>
      <family val="2"/>
      <scheme val="minor"/>
    </font>
    <font>
      <b/>
      <sz val="12"/>
      <color rgb="FFFF0000"/>
      <name val="Aptos Narrow"/>
      <family val="2"/>
      <scheme val="minor"/>
    </font>
    <font>
      <sz val="12"/>
      <color theme="1"/>
      <name val="Arial Narrow"/>
      <family val="2"/>
    </font>
    <font>
      <b/>
      <sz val="12"/>
      <color theme="1"/>
      <name val="Arial"/>
      <family val="2"/>
    </font>
    <font>
      <sz val="12"/>
      <color theme="1"/>
      <name val="Arial"/>
      <family val="2"/>
    </font>
    <font>
      <b/>
      <sz val="12"/>
      <color indexed="8"/>
      <name val="Arial"/>
      <family val="2"/>
    </font>
    <font>
      <sz val="12"/>
      <color rgb="FF000000"/>
      <name val="Calibri"/>
      <family val="2"/>
    </font>
    <font>
      <sz val="12"/>
      <color indexed="8"/>
      <name val="Arial"/>
      <family val="2"/>
    </font>
    <font>
      <sz val="12"/>
      <color rgb="FF000000"/>
      <name val="Aptos Narrow"/>
      <family val="2"/>
      <scheme val="minor"/>
    </font>
    <font>
      <sz val="11"/>
      <color theme="1"/>
      <name val="Calibri"/>
      <family val="2"/>
    </font>
    <font>
      <sz val="10"/>
      <color theme="1"/>
      <name val="Calibri"/>
      <family val="2"/>
    </font>
    <font>
      <b/>
      <sz val="12"/>
      <color theme="1"/>
      <name val="Calibri"/>
      <family val="2"/>
    </font>
    <font>
      <b/>
      <sz val="12"/>
      <name val="Calibri"/>
      <family val="2"/>
    </font>
    <font>
      <sz val="12"/>
      <color theme="1"/>
      <name val="Calibri"/>
      <family val="2"/>
    </font>
    <font>
      <b/>
      <sz val="12"/>
      <color rgb="FFFF0000"/>
      <name val="Calibri"/>
      <family val="2"/>
    </font>
    <font>
      <b/>
      <u/>
      <sz val="12"/>
      <name val="Calibri"/>
      <family val="2"/>
    </font>
    <font>
      <sz val="12"/>
      <name val="Calibri"/>
      <family val="2"/>
    </font>
    <font>
      <u/>
      <sz val="12"/>
      <name val="Calibri"/>
      <family val="2"/>
    </font>
    <font>
      <b/>
      <sz val="12"/>
      <color theme="0"/>
      <name val="Calibri"/>
      <family val="2"/>
    </font>
    <font>
      <b/>
      <sz val="12"/>
      <color indexed="8"/>
      <name val="Calibri"/>
      <family val="2"/>
    </font>
    <font>
      <sz val="12"/>
      <color indexed="8"/>
      <name val="Calibri"/>
      <family val="2"/>
    </font>
    <font>
      <b/>
      <u/>
      <sz val="11"/>
      <name val="Calibri"/>
      <family val="2"/>
    </font>
    <font>
      <sz val="11"/>
      <name val="Calibri"/>
      <family val="2"/>
    </font>
    <font>
      <sz val="12"/>
      <color rgb="FF0A0A0A"/>
      <name val="Calibri"/>
      <family val="2"/>
    </font>
  </fonts>
  <fills count="6">
    <fill>
      <patternFill patternType="none"/>
    </fill>
    <fill>
      <patternFill patternType="gray125"/>
    </fill>
    <fill>
      <patternFill patternType="solid">
        <fgColor rgb="FF92D050"/>
        <bgColor indexed="64"/>
      </patternFill>
    </fill>
    <fill>
      <patternFill patternType="solid">
        <fgColor theme="3" tint="-0.249977111117893"/>
        <bgColor indexed="64"/>
      </patternFill>
    </fill>
    <fill>
      <patternFill patternType="solid">
        <fgColor theme="0"/>
        <bgColor indexed="64"/>
      </patternFill>
    </fill>
    <fill>
      <patternFill patternType="solid">
        <fgColor indexed="22"/>
        <bgColor indexed="64"/>
      </patternFill>
    </fill>
  </fills>
  <borders count="45">
    <border>
      <left/>
      <right/>
      <top/>
      <bottom/>
      <diagonal/>
    </border>
    <border>
      <left style="medium">
        <color auto="1"/>
      </left>
      <right style="thin">
        <color auto="1"/>
      </right>
      <top style="medium">
        <color auto="1"/>
      </top>
      <bottom style="thin">
        <color auto="1"/>
      </bottom>
      <diagonal/>
    </border>
    <border>
      <left style="thin">
        <color auto="1"/>
      </left>
      <right/>
      <top style="medium">
        <color auto="1"/>
      </top>
      <bottom style="thin">
        <color auto="1"/>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auto="1"/>
      </left>
      <right style="thin">
        <color auto="1"/>
      </right>
      <top style="thin">
        <color auto="1"/>
      </top>
      <bottom style="thin">
        <color auto="1"/>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auto="1"/>
      </top>
      <bottom style="thin">
        <color auto="1"/>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auto="1"/>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auto="1"/>
      </top>
      <bottom style="thin">
        <color auto="1"/>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auto="1"/>
      </left>
      <right style="thin">
        <color auto="1"/>
      </right>
      <top/>
      <bottom style="thin">
        <color auto="1"/>
      </bottom>
      <diagonal/>
    </border>
    <border>
      <left style="thin">
        <color indexed="64"/>
      </left>
      <right style="medium">
        <color indexed="64"/>
      </right>
      <top/>
      <bottom style="thin">
        <color indexed="64"/>
      </bottom>
      <diagonal/>
    </border>
    <border>
      <left style="medium">
        <color indexed="64"/>
      </left>
      <right style="thin">
        <color auto="1"/>
      </right>
      <top/>
      <bottom style="medium">
        <color indexed="64"/>
      </bottom>
      <diagonal/>
    </border>
    <border>
      <left/>
      <right style="thin">
        <color auto="1"/>
      </right>
      <top/>
      <bottom style="medium">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medium">
        <color indexed="64"/>
      </right>
      <top style="medium">
        <color indexed="64"/>
      </top>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style="thin">
        <color indexed="64"/>
      </top>
      <bottom/>
      <diagonal/>
    </border>
    <border>
      <left/>
      <right style="thin">
        <color indexed="64"/>
      </right>
      <top style="medium">
        <color indexed="64"/>
      </top>
      <bottom style="medium">
        <color indexed="64"/>
      </bottom>
      <diagonal/>
    </border>
  </borders>
  <cellStyleXfs count="5">
    <xf numFmtId="0" fontId="0" fillId="0" borderId="0"/>
    <xf numFmtId="9" fontId="1" fillId="0" borderId="0" applyFont="0" applyFill="0" applyBorder="0" applyAlignment="0" applyProtection="0"/>
    <xf numFmtId="0" fontId="8" fillId="0" borderId="0"/>
    <xf numFmtId="9" fontId="11" fillId="0" borderId="0" applyFont="0" applyFill="0" applyBorder="0" applyAlignment="0" applyProtection="0"/>
    <xf numFmtId="0" fontId="14" fillId="0" borderId="0" applyNumberFormat="0" applyFill="0" applyBorder="0" applyAlignment="0" applyProtection="0"/>
  </cellStyleXfs>
  <cellXfs count="318">
    <xf numFmtId="0" fontId="0" fillId="0" borderId="0" xfId="0"/>
    <xf numFmtId="0" fontId="0" fillId="0" borderId="0" xfId="0" applyAlignment="1">
      <alignment horizontal="center" vertical="center" wrapText="1"/>
    </xf>
    <xf numFmtId="0" fontId="0" fillId="0" borderId="0" xfId="0" applyAlignment="1">
      <alignment wrapText="1"/>
    </xf>
    <xf numFmtId="0" fontId="2" fillId="0" borderId="0" xfId="0" applyFont="1"/>
    <xf numFmtId="0" fontId="3" fillId="0" borderId="0" xfId="0" applyFont="1"/>
    <xf numFmtId="0" fontId="3" fillId="0" borderId="0" xfId="0" applyFont="1" applyProtection="1">
      <protection locked="0"/>
    </xf>
    <xf numFmtId="0" fontId="6" fillId="0" borderId="0" xfId="0" applyFont="1" applyAlignment="1">
      <alignment horizontal="center"/>
    </xf>
    <xf numFmtId="0" fontId="7" fillId="0" borderId="0" xfId="0" applyFont="1"/>
    <xf numFmtId="0" fontId="6" fillId="0" borderId="0" xfId="0" applyFont="1"/>
    <xf numFmtId="10" fontId="7" fillId="2" borderId="28" xfId="1" applyNumberFormat="1" applyFont="1" applyFill="1" applyBorder="1" applyProtection="1">
      <protection locked="0"/>
    </xf>
    <xf numFmtId="10" fontId="7" fillId="2" borderId="29" xfId="1" applyNumberFormat="1" applyFont="1" applyFill="1" applyBorder="1" applyProtection="1">
      <protection locked="0"/>
    </xf>
    <xf numFmtId="10" fontId="7" fillId="0" borderId="0" xfId="1" applyNumberFormat="1" applyFont="1" applyFill="1" applyBorder="1"/>
    <xf numFmtId="0" fontId="7" fillId="0" borderId="0" xfId="0" applyFont="1" applyAlignment="1">
      <alignment horizontal="center"/>
    </xf>
    <xf numFmtId="0" fontId="0" fillId="0" borderId="0" xfId="0" applyAlignment="1">
      <alignment horizontal="center" vertical="center"/>
    </xf>
    <xf numFmtId="0" fontId="10" fillId="0" borderId="0" xfId="0" applyFont="1"/>
    <xf numFmtId="0" fontId="7" fillId="0" borderId="19" xfId="0" applyFont="1" applyBorder="1" applyAlignment="1" applyProtection="1">
      <alignment wrapText="1"/>
      <protection locked="0"/>
    </xf>
    <xf numFmtId="0" fontId="17" fillId="0" borderId="0" xfId="0" applyFont="1" applyProtection="1">
      <protection locked="0"/>
    </xf>
    <xf numFmtId="0" fontId="7" fillId="0" borderId="0" xfId="0" applyFont="1" applyAlignment="1">
      <alignment horizontal="center" vertical="center"/>
    </xf>
    <xf numFmtId="164" fontId="7" fillId="4" borderId="32" xfId="0" applyNumberFormat="1" applyFont="1" applyFill="1" applyBorder="1" applyAlignment="1" applyProtection="1">
      <alignment horizontal="right"/>
      <protection locked="0"/>
    </xf>
    <xf numFmtId="164" fontId="7" fillId="2" borderId="32" xfId="0" applyNumberFormat="1" applyFont="1" applyFill="1" applyBorder="1" applyAlignment="1" applyProtection="1">
      <alignment horizontal="right"/>
      <protection locked="0"/>
    </xf>
    <xf numFmtId="164" fontId="7" fillId="2" borderId="25" xfId="0" applyNumberFormat="1" applyFont="1" applyFill="1" applyBorder="1" applyAlignment="1" applyProtection="1">
      <alignment horizontal="right"/>
      <protection locked="0"/>
    </xf>
    <xf numFmtId="0" fontId="19" fillId="0" borderId="0" xfId="0" applyFont="1"/>
    <xf numFmtId="164" fontId="19" fillId="2" borderId="25" xfId="0" applyNumberFormat="1" applyFont="1" applyFill="1" applyBorder="1" applyProtection="1">
      <protection locked="0"/>
    </xf>
    <xf numFmtId="164" fontId="19" fillId="2" borderId="29" xfId="0" applyNumberFormat="1" applyFont="1" applyFill="1" applyBorder="1" applyProtection="1">
      <protection locked="0"/>
    </xf>
    <xf numFmtId="9" fontId="22" fillId="2" borderId="20" xfId="1" applyFont="1" applyFill="1" applyBorder="1" applyAlignment="1" applyProtection="1">
      <alignment horizontal="center" vertical="center"/>
      <protection locked="0"/>
    </xf>
    <xf numFmtId="164" fontId="19" fillId="2" borderId="41" xfId="0" applyNumberFormat="1" applyFont="1" applyFill="1" applyBorder="1" applyProtection="1">
      <protection locked="0"/>
    </xf>
    <xf numFmtId="0" fontId="7" fillId="0" borderId="0" xfId="0" applyFont="1" applyProtection="1">
      <protection hidden="1"/>
    </xf>
    <xf numFmtId="0" fontId="6" fillId="3" borderId="24" xfId="2" applyFont="1" applyFill="1" applyBorder="1" applyAlignment="1" applyProtection="1">
      <alignment horizontal="center" vertical="center" wrapText="1"/>
      <protection hidden="1"/>
    </xf>
    <xf numFmtId="0" fontId="6" fillId="3" borderId="25" xfId="2" applyFont="1" applyFill="1" applyBorder="1" applyAlignment="1" applyProtection="1">
      <alignment horizontal="center" vertical="center" wrapText="1"/>
      <protection hidden="1"/>
    </xf>
    <xf numFmtId="0" fontId="9" fillId="0" borderId="0" xfId="2" applyFont="1" applyAlignment="1" applyProtection="1">
      <alignment horizontal="center" wrapText="1"/>
      <protection hidden="1"/>
    </xf>
    <xf numFmtId="10" fontId="7" fillId="4" borderId="0" xfId="1" applyNumberFormat="1" applyFont="1" applyFill="1" applyBorder="1" applyProtection="1">
      <protection hidden="1"/>
    </xf>
    <xf numFmtId="0" fontId="6" fillId="3" borderId="30" xfId="0" applyFont="1" applyFill="1" applyBorder="1" applyAlignment="1" applyProtection="1">
      <alignment horizontal="center" vertical="center"/>
      <protection hidden="1"/>
    </xf>
    <xf numFmtId="0" fontId="6" fillId="3" borderId="30" xfId="0" applyFont="1" applyFill="1" applyBorder="1" applyAlignment="1" applyProtection="1">
      <alignment horizontal="center" vertical="center" wrapText="1"/>
      <protection hidden="1"/>
    </xf>
    <xf numFmtId="0" fontId="7" fillId="0" borderId="31" xfId="0" applyFont="1" applyBorder="1" applyAlignment="1" applyProtection="1">
      <alignment horizontal="center"/>
      <protection hidden="1"/>
    </xf>
    <xf numFmtId="164" fontId="7" fillId="4" borderId="32" xfId="0" applyNumberFormat="1" applyFont="1" applyFill="1" applyBorder="1" applyAlignment="1" applyProtection="1">
      <alignment horizontal="right"/>
      <protection hidden="1"/>
    </xf>
    <xf numFmtId="0" fontId="7" fillId="0" borderId="24" xfId="0" applyFont="1" applyBorder="1" applyProtection="1">
      <protection hidden="1"/>
    </xf>
    <xf numFmtId="0" fontId="7" fillId="0" borderId="24" xfId="0" applyFont="1" applyBorder="1" applyAlignment="1" applyProtection="1">
      <alignment wrapText="1"/>
      <protection hidden="1"/>
    </xf>
    <xf numFmtId="2" fontId="7" fillId="0" borderId="31" xfId="0" applyNumberFormat="1" applyFont="1" applyBorder="1" applyAlignment="1" applyProtection="1">
      <alignment horizontal="center"/>
      <protection hidden="1"/>
    </xf>
    <xf numFmtId="0" fontId="7" fillId="0" borderId="33" xfId="0" applyFont="1" applyBorder="1" applyAlignment="1" applyProtection="1">
      <alignment horizontal="center"/>
      <protection hidden="1"/>
    </xf>
    <xf numFmtId="0" fontId="7" fillId="0" borderId="34" xfId="0" applyFont="1" applyBorder="1" applyAlignment="1" applyProtection="1">
      <alignment horizontal="center"/>
      <protection hidden="1"/>
    </xf>
    <xf numFmtId="0" fontId="7" fillId="0" borderId="28" xfId="0" applyFont="1" applyBorder="1" applyProtection="1">
      <protection hidden="1"/>
    </xf>
    <xf numFmtId="0" fontId="7" fillId="0" borderId="0" xfId="0" applyFont="1" applyAlignment="1" applyProtection="1">
      <alignment vertical="top"/>
      <protection hidden="1"/>
    </xf>
    <xf numFmtId="0" fontId="19" fillId="0" borderId="0" xfId="0" applyFont="1" applyProtection="1">
      <protection hidden="1"/>
    </xf>
    <xf numFmtId="0" fontId="20" fillId="5" borderId="38" xfId="0" applyFont="1" applyFill="1" applyBorder="1" applyAlignment="1" applyProtection="1">
      <alignment horizontal="center"/>
      <protection hidden="1"/>
    </xf>
    <xf numFmtId="9" fontId="22" fillId="0" borderId="0" xfId="3" applyFont="1" applyFill="1" applyBorder="1" applyAlignment="1" applyProtection="1">
      <alignment horizontal="left" vertical="center"/>
      <protection hidden="1"/>
    </xf>
    <xf numFmtId="164" fontId="22" fillId="0" borderId="0" xfId="3" applyNumberFormat="1" applyFont="1" applyFill="1" applyBorder="1" applyAlignment="1" applyProtection="1">
      <alignment vertical="center"/>
      <protection hidden="1"/>
    </xf>
    <xf numFmtId="0" fontId="20" fillId="5" borderId="30" xfId="0" applyFont="1" applyFill="1" applyBorder="1" applyAlignment="1" applyProtection="1">
      <alignment horizontal="center"/>
      <protection hidden="1"/>
    </xf>
    <xf numFmtId="0" fontId="23" fillId="0" borderId="28" xfId="0" applyFont="1" applyBorder="1" applyAlignment="1" applyProtection="1">
      <alignment vertical="center" wrapText="1"/>
      <protection hidden="1"/>
    </xf>
    <xf numFmtId="0" fontId="24" fillId="0" borderId="0" xfId="0" applyFont="1" applyAlignment="1">
      <alignment horizontal="center" vertical="center" wrapText="1"/>
    </xf>
    <xf numFmtId="0" fontId="24" fillId="0" borderId="0" xfId="0" applyFont="1" applyAlignment="1">
      <alignment horizontal="center" wrapText="1"/>
    </xf>
    <xf numFmtId="0" fontId="24" fillId="0" borderId="0" xfId="0" applyFont="1" applyAlignment="1">
      <alignment wrapText="1"/>
    </xf>
    <xf numFmtId="0" fontId="25" fillId="0" borderId="0" xfId="0" applyFont="1"/>
    <xf numFmtId="0" fontId="28" fillId="0" borderId="0" xfId="0" applyFont="1"/>
    <xf numFmtId="0" fontId="24" fillId="0" borderId="0" xfId="0" applyFont="1"/>
    <xf numFmtId="0" fontId="28" fillId="0" borderId="0" xfId="0" applyFont="1" applyProtection="1">
      <protection locked="0"/>
    </xf>
    <xf numFmtId="0" fontId="24" fillId="0" borderId="0" xfId="0" applyFont="1" applyProtection="1">
      <protection locked="0"/>
    </xf>
    <xf numFmtId="0" fontId="28" fillId="0" borderId="0" xfId="0" applyFont="1" applyAlignment="1">
      <alignment horizontal="left" wrapText="1"/>
    </xf>
    <xf numFmtId="0" fontId="33" fillId="0" borderId="0" xfId="0" applyFont="1" applyAlignment="1">
      <alignment horizontal="center"/>
    </xf>
    <xf numFmtId="0" fontId="33" fillId="0" borderId="0" xfId="0" applyFont="1"/>
    <xf numFmtId="10" fontId="28" fillId="2" borderId="28" xfId="1" applyNumberFormat="1" applyFont="1" applyFill="1" applyBorder="1" applyProtection="1">
      <protection locked="0"/>
    </xf>
    <xf numFmtId="10" fontId="28" fillId="2" borderId="29" xfId="1" applyNumberFormat="1" applyFont="1" applyFill="1" applyBorder="1" applyProtection="1">
      <protection locked="0"/>
    </xf>
    <xf numFmtId="10" fontId="28" fillId="0" borderId="0" xfId="1" applyNumberFormat="1" applyFont="1" applyFill="1" applyBorder="1"/>
    <xf numFmtId="0" fontId="28" fillId="0" borderId="0" xfId="0" applyFont="1" applyAlignment="1">
      <alignment horizontal="center"/>
    </xf>
    <xf numFmtId="0" fontId="28" fillId="0" borderId="0" xfId="0" applyFont="1" applyAlignment="1">
      <alignment horizontal="center" vertical="center"/>
    </xf>
    <xf numFmtId="0" fontId="24" fillId="0" borderId="0" xfId="0" applyFont="1" applyAlignment="1">
      <alignment horizontal="center" vertical="center"/>
    </xf>
    <xf numFmtId="164" fontId="28" fillId="4" borderId="32" xfId="0" applyNumberFormat="1" applyFont="1" applyFill="1" applyBorder="1" applyAlignment="1" applyProtection="1">
      <alignment horizontal="right"/>
      <protection locked="0"/>
    </xf>
    <xf numFmtId="164" fontId="28" fillId="2" borderId="32" xfId="0" applyNumberFormat="1" applyFont="1" applyFill="1" applyBorder="1" applyAlignment="1" applyProtection="1">
      <alignment horizontal="right"/>
      <protection locked="0"/>
    </xf>
    <xf numFmtId="164" fontId="28" fillId="2" borderId="25" xfId="0" applyNumberFormat="1" applyFont="1" applyFill="1" applyBorder="1" applyAlignment="1" applyProtection="1">
      <alignment horizontal="right"/>
      <protection locked="0"/>
    </xf>
    <xf numFmtId="164" fontId="28" fillId="2" borderId="29" xfId="0" applyNumberFormat="1" applyFont="1" applyFill="1" applyBorder="1" applyAlignment="1" applyProtection="1">
      <alignment horizontal="right"/>
      <protection locked="0"/>
    </xf>
    <xf numFmtId="164" fontId="28" fillId="2" borderId="25" xfId="0" applyNumberFormat="1" applyFont="1" applyFill="1" applyBorder="1" applyProtection="1">
      <protection locked="0"/>
    </xf>
    <xf numFmtId="164" fontId="28" fillId="2" borderId="29" xfId="0" applyNumberFormat="1" applyFont="1" applyFill="1" applyBorder="1" applyProtection="1">
      <protection locked="0"/>
    </xf>
    <xf numFmtId="9" fontId="35" fillId="2" borderId="20" xfId="1" applyFont="1" applyFill="1" applyBorder="1" applyAlignment="1" applyProtection="1">
      <alignment horizontal="center" vertical="center"/>
      <protection locked="0"/>
    </xf>
    <xf numFmtId="0" fontId="28" fillId="0" borderId="19" xfId="0" applyFont="1" applyBorder="1" applyAlignment="1" applyProtection="1">
      <alignment wrapText="1"/>
      <protection locked="0"/>
    </xf>
    <xf numFmtId="0" fontId="28" fillId="0" borderId="0" xfId="0" applyFont="1" applyAlignment="1">
      <alignment horizontal="center" vertical="center" wrapText="1"/>
    </xf>
    <xf numFmtId="0" fontId="28" fillId="0" borderId="0" xfId="0" applyFont="1" applyAlignment="1">
      <alignment horizontal="center" wrapText="1"/>
    </xf>
    <xf numFmtId="0" fontId="28" fillId="0" borderId="0" xfId="0" applyFont="1" applyAlignment="1">
      <alignment wrapText="1"/>
    </xf>
    <xf numFmtId="164" fontId="28" fillId="2" borderId="43" xfId="0" applyNumberFormat="1" applyFont="1" applyFill="1" applyBorder="1" applyProtection="1">
      <protection locked="0"/>
    </xf>
    <xf numFmtId="164" fontId="28" fillId="2" borderId="41" xfId="0" applyNumberFormat="1" applyFont="1" applyFill="1" applyBorder="1" applyProtection="1">
      <protection locked="0"/>
    </xf>
    <xf numFmtId="164" fontId="28" fillId="4" borderId="29" xfId="0" applyNumberFormat="1" applyFont="1" applyFill="1" applyBorder="1" applyAlignment="1" applyProtection="1">
      <alignment horizontal="right"/>
      <protection locked="0"/>
    </xf>
    <xf numFmtId="164" fontId="28" fillId="2" borderId="42" xfId="0" applyNumberFormat="1" applyFont="1" applyFill="1" applyBorder="1" applyProtection="1">
      <protection locked="0"/>
    </xf>
    <xf numFmtId="0" fontId="28" fillId="0" borderId="0" xfId="0" applyFont="1" applyAlignment="1" applyProtection="1">
      <alignment wrapText="1"/>
      <protection locked="0"/>
    </xf>
    <xf numFmtId="0" fontId="28" fillId="0" borderId="0" xfId="0" applyFont="1" applyProtection="1">
      <protection hidden="1"/>
    </xf>
    <xf numFmtId="0" fontId="28" fillId="0" borderId="0" xfId="0" applyFont="1" applyAlignment="1" applyProtection="1">
      <alignment horizontal="left" wrapText="1"/>
      <protection hidden="1"/>
    </xf>
    <xf numFmtId="0" fontId="28" fillId="0" borderId="0" xfId="0" applyFont="1" applyAlignment="1" applyProtection="1">
      <alignment wrapText="1"/>
      <protection hidden="1"/>
    </xf>
    <xf numFmtId="0" fontId="33" fillId="3" borderId="24" xfId="2" applyFont="1" applyFill="1" applyBorder="1" applyAlignment="1" applyProtection="1">
      <alignment horizontal="center" vertical="center" wrapText="1"/>
      <protection hidden="1"/>
    </xf>
    <xf numFmtId="0" fontId="33" fillId="3" borderId="25" xfId="2" applyFont="1" applyFill="1" applyBorder="1" applyAlignment="1" applyProtection="1">
      <alignment horizontal="center" vertical="center" wrapText="1"/>
      <protection hidden="1"/>
    </xf>
    <xf numFmtId="0" fontId="31" fillId="0" borderId="0" xfId="2" applyFont="1" applyAlignment="1" applyProtection="1">
      <alignment horizontal="center" wrapText="1"/>
      <protection hidden="1"/>
    </xf>
    <xf numFmtId="10" fontId="28" fillId="4" borderId="0" xfId="1" applyNumberFormat="1" applyFont="1" applyFill="1" applyBorder="1" applyProtection="1">
      <protection hidden="1"/>
    </xf>
    <xf numFmtId="0" fontId="33" fillId="3" borderId="30" xfId="0" applyFont="1" applyFill="1" applyBorder="1" applyAlignment="1" applyProtection="1">
      <alignment horizontal="center" vertical="center"/>
      <protection hidden="1"/>
    </xf>
    <xf numFmtId="0" fontId="33" fillId="3" borderId="30" xfId="0" applyFont="1" applyFill="1" applyBorder="1" applyAlignment="1" applyProtection="1">
      <alignment horizontal="center" vertical="center" wrapText="1"/>
      <protection hidden="1"/>
    </xf>
    <xf numFmtId="0" fontId="28" fillId="0" borderId="31" xfId="0" applyFont="1" applyBorder="1" applyAlignment="1" applyProtection="1">
      <alignment horizontal="center"/>
      <protection hidden="1"/>
    </xf>
    <xf numFmtId="164" fontId="28" fillId="4" borderId="32" xfId="0" applyNumberFormat="1" applyFont="1" applyFill="1" applyBorder="1" applyAlignment="1" applyProtection="1">
      <alignment horizontal="right"/>
      <protection hidden="1"/>
    </xf>
    <xf numFmtId="0" fontId="28" fillId="0" borderId="24" xfId="0" applyFont="1" applyBorder="1" applyProtection="1">
      <protection hidden="1"/>
    </xf>
    <xf numFmtId="0" fontId="28" fillId="0" borderId="24" xfId="0" applyFont="1" applyBorder="1" applyAlignment="1" applyProtection="1">
      <alignment wrapText="1"/>
      <protection hidden="1"/>
    </xf>
    <xf numFmtId="2" fontId="28" fillId="0" borderId="31" xfId="0" applyNumberFormat="1" applyFont="1" applyBorder="1" applyAlignment="1" applyProtection="1">
      <alignment horizontal="center"/>
      <protection hidden="1"/>
    </xf>
    <xf numFmtId="49" fontId="28" fillId="0" borderId="31" xfId="0" applyNumberFormat="1" applyFont="1" applyBorder="1" applyAlignment="1" applyProtection="1">
      <alignment horizontal="center"/>
      <protection hidden="1"/>
    </xf>
    <xf numFmtId="0" fontId="28" fillId="0" borderId="33" xfId="0" applyFont="1" applyBorder="1" applyAlignment="1" applyProtection="1">
      <alignment horizontal="center"/>
      <protection hidden="1"/>
    </xf>
    <xf numFmtId="0" fontId="28" fillId="0" borderId="34" xfId="0" applyFont="1" applyBorder="1" applyAlignment="1" applyProtection="1">
      <alignment horizontal="center"/>
      <protection hidden="1"/>
    </xf>
    <xf numFmtId="0" fontId="28" fillId="0" borderId="28" xfId="0" applyFont="1" applyBorder="1" applyProtection="1">
      <protection hidden="1"/>
    </xf>
    <xf numFmtId="0" fontId="28" fillId="0" borderId="0" xfId="0" applyFont="1" applyAlignment="1" applyProtection="1">
      <alignment vertical="top"/>
      <protection hidden="1"/>
    </xf>
    <xf numFmtId="0" fontId="34" fillId="5" borderId="38" xfId="0" applyFont="1" applyFill="1" applyBorder="1" applyAlignment="1" applyProtection="1">
      <alignment horizontal="center"/>
      <protection hidden="1"/>
    </xf>
    <xf numFmtId="0" fontId="21" fillId="0" borderId="28" xfId="0" applyFont="1" applyBorder="1" applyAlignment="1" applyProtection="1">
      <alignment vertical="center" wrapText="1"/>
      <protection hidden="1"/>
    </xf>
    <xf numFmtId="9" fontId="35" fillId="0" borderId="0" xfId="3" applyFont="1" applyFill="1" applyBorder="1" applyAlignment="1" applyProtection="1">
      <alignment horizontal="left" vertical="center"/>
      <protection hidden="1"/>
    </xf>
    <xf numFmtId="164" fontId="35" fillId="0" borderId="0" xfId="3" applyNumberFormat="1" applyFont="1" applyFill="1" applyBorder="1" applyAlignment="1" applyProtection="1">
      <alignment vertical="center"/>
      <protection hidden="1"/>
    </xf>
    <xf numFmtId="0" fontId="34" fillId="5" borderId="30" xfId="0" applyFont="1" applyFill="1" applyBorder="1" applyAlignment="1" applyProtection="1">
      <alignment horizontal="center"/>
      <protection hidden="1"/>
    </xf>
    <xf numFmtId="164" fontId="28" fillId="4" borderId="29" xfId="0" applyNumberFormat="1" applyFont="1" applyFill="1" applyBorder="1" applyAlignment="1" applyProtection="1">
      <alignment horizontal="right"/>
      <protection hidden="1"/>
    </xf>
    <xf numFmtId="0" fontId="28" fillId="0" borderId="0" xfId="0" applyFont="1" applyAlignment="1" applyProtection="1">
      <alignment horizontal="center" vertical="center" wrapText="1"/>
      <protection hidden="1"/>
    </xf>
    <xf numFmtId="0" fontId="28" fillId="0" borderId="0" xfId="0" applyFont="1" applyAlignment="1" applyProtection="1">
      <alignment horizontal="center" wrapText="1"/>
      <protection hidden="1"/>
    </xf>
    <xf numFmtId="0" fontId="33" fillId="0" borderId="0" xfId="0" applyFont="1" applyAlignment="1" applyProtection="1">
      <alignment horizontal="center"/>
      <protection hidden="1"/>
    </xf>
    <xf numFmtId="0" fontId="28" fillId="0" borderId="0" xfId="0" applyFont="1" applyAlignment="1" applyProtection="1">
      <alignment horizontal="center" vertical="center"/>
      <protection hidden="1"/>
    </xf>
    <xf numFmtId="0" fontId="21" fillId="0" borderId="24" xfId="0" applyFont="1" applyBorder="1" applyAlignment="1" applyProtection="1">
      <alignment vertical="center" wrapText="1"/>
      <protection hidden="1"/>
    </xf>
    <xf numFmtId="0" fontId="28" fillId="4" borderId="24" xfId="0" applyFont="1" applyFill="1" applyBorder="1" applyProtection="1">
      <protection hidden="1"/>
    </xf>
    <xf numFmtId="0" fontId="28" fillId="0" borderId="24" xfId="0" applyFont="1" applyBorder="1" applyAlignment="1" applyProtection="1">
      <alignment vertical="center"/>
      <protection hidden="1"/>
    </xf>
    <xf numFmtId="0" fontId="21" fillId="4" borderId="24" xfId="0" applyFont="1" applyFill="1" applyBorder="1" applyAlignment="1" applyProtection="1">
      <alignment vertical="center" wrapText="1"/>
      <protection hidden="1"/>
    </xf>
    <xf numFmtId="0" fontId="21" fillId="4" borderId="28" xfId="0" applyFont="1" applyFill="1" applyBorder="1" applyAlignment="1" applyProtection="1">
      <alignment vertical="center" wrapText="1"/>
      <protection hidden="1"/>
    </xf>
    <xf numFmtId="0" fontId="28" fillId="0" borderId="40" xfId="0" applyFont="1" applyBorder="1" applyAlignment="1" applyProtection="1">
      <alignment vertical="center"/>
      <protection hidden="1"/>
    </xf>
    <xf numFmtId="0" fontId="28" fillId="0" borderId="28" xfId="0" applyFont="1" applyBorder="1" applyAlignment="1" applyProtection="1">
      <alignment vertical="center"/>
      <protection hidden="1"/>
    </xf>
    <xf numFmtId="0" fontId="21" fillId="0" borderId="24" xfId="0" applyFont="1" applyBorder="1" applyProtection="1">
      <protection hidden="1"/>
    </xf>
    <xf numFmtId="0" fontId="21" fillId="0" borderId="24" xfId="0" applyFont="1" applyBorder="1" applyAlignment="1" applyProtection="1">
      <alignment vertical="center"/>
      <protection hidden="1"/>
    </xf>
    <xf numFmtId="0" fontId="28" fillId="0" borderId="28" xfId="0" applyFont="1" applyBorder="1" applyAlignment="1" applyProtection="1">
      <alignment vertical="center" wrapText="1"/>
      <protection hidden="1"/>
    </xf>
    <xf numFmtId="0" fontId="28" fillId="0" borderId="40" xfId="0" applyFont="1" applyBorder="1" applyAlignment="1" applyProtection="1">
      <alignment horizontal="left" vertical="center"/>
      <protection hidden="1"/>
    </xf>
    <xf numFmtId="0" fontId="28" fillId="0" borderId="24" xfId="0" applyFont="1" applyBorder="1" applyAlignment="1" applyProtection="1">
      <alignment horizontal="left" vertical="center"/>
      <protection hidden="1"/>
    </xf>
    <xf numFmtId="0" fontId="21" fillId="0" borderId="24" xfId="0" applyFont="1" applyBorder="1" applyAlignment="1" applyProtection="1">
      <alignment horizontal="left" vertical="center" wrapText="1"/>
      <protection hidden="1"/>
    </xf>
    <xf numFmtId="0" fontId="21" fillId="0" borderId="28" xfId="0" applyFont="1" applyBorder="1" applyAlignment="1" applyProtection="1">
      <alignment horizontal="left" vertical="center" wrapText="1"/>
      <protection hidden="1"/>
    </xf>
    <xf numFmtId="0" fontId="28" fillId="0" borderId="40" xfId="0" applyFont="1" applyBorder="1" applyAlignment="1" applyProtection="1">
      <alignment vertical="center" wrapText="1"/>
      <protection hidden="1"/>
    </xf>
    <xf numFmtId="0" fontId="28" fillId="0" borderId="24" xfId="0" applyFont="1" applyBorder="1" applyAlignment="1" applyProtection="1">
      <alignment vertical="center" wrapText="1"/>
      <protection hidden="1"/>
    </xf>
    <xf numFmtId="0" fontId="31" fillId="0" borderId="24" xfId="4" applyFont="1" applyBorder="1" applyProtection="1">
      <protection hidden="1"/>
    </xf>
    <xf numFmtId="0" fontId="0" fillId="0" borderId="0" xfId="0" applyAlignment="1" applyProtection="1">
      <alignment horizontal="center" wrapText="1"/>
      <protection hidden="1"/>
    </xf>
    <xf numFmtId="0" fontId="0" fillId="0" borderId="0" xfId="0" applyAlignment="1" applyProtection="1">
      <alignment wrapText="1"/>
      <protection hidden="1"/>
    </xf>
    <xf numFmtId="0" fontId="0" fillId="0" borderId="0" xfId="0" applyAlignment="1" applyProtection="1">
      <alignment horizontal="center" vertical="center" wrapText="1"/>
      <protection hidden="1"/>
    </xf>
    <xf numFmtId="164" fontId="7" fillId="4" borderId="29" xfId="0" applyNumberFormat="1" applyFont="1" applyFill="1" applyBorder="1" applyAlignment="1" applyProtection="1">
      <alignment horizontal="right"/>
      <protection hidden="1"/>
    </xf>
    <xf numFmtId="0" fontId="23" fillId="0" borderId="24" xfId="0" applyFont="1" applyBorder="1" applyAlignment="1" applyProtection="1">
      <alignment vertical="center" wrapText="1"/>
      <protection hidden="1"/>
    </xf>
    <xf numFmtId="0" fontId="28" fillId="4" borderId="24" xfId="0" applyFont="1" applyFill="1" applyBorder="1" applyAlignment="1" applyProtection="1">
      <alignment vertical="center"/>
      <protection hidden="1"/>
    </xf>
    <xf numFmtId="0" fontId="28" fillId="4" borderId="28" xfId="0" applyFont="1" applyFill="1" applyBorder="1" applyAlignment="1" applyProtection="1">
      <alignment vertical="center"/>
      <protection hidden="1"/>
    </xf>
    <xf numFmtId="0" fontId="28" fillId="0" borderId="16" xfId="0" applyFont="1" applyBorder="1" applyAlignment="1" applyProtection="1">
      <alignment horizontal="left" wrapText="1"/>
      <protection hidden="1"/>
    </xf>
    <xf numFmtId="0" fontId="28" fillId="0" borderId="17" xfId="0" applyFont="1" applyBorder="1" applyAlignment="1" applyProtection="1">
      <alignment horizontal="left" wrapText="1"/>
      <protection hidden="1"/>
    </xf>
    <xf numFmtId="0" fontId="28" fillId="0" borderId="19" xfId="0" applyFont="1" applyBorder="1" applyAlignment="1" applyProtection="1">
      <alignment horizontal="center" wrapText="1"/>
      <protection locked="0"/>
    </xf>
    <xf numFmtId="0" fontId="26" fillId="0" borderId="14" xfId="0" applyFont="1" applyBorder="1" applyAlignment="1">
      <alignment horizontal="center"/>
    </xf>
    <xf numFmtId="0" fontId="33" fillId="3" borderId="18" xfId="0" applyFont="1" applyFill="1" applyBorder="1" applyAlignment="1" applyProtection="1">
      <alignment horizontal="center"/>
      <protection hidden="1"/>
    </xf>
    <xf numFmtId="0" fontId="33" fillId="3" borderId="19" xfId="0" applyFont="1" applyFill="1" applyBorder="1" applyAlignment="1" applyProtection="1">
      <alignment horizontal="center"/>
      <protection hidden="1"/>
    </xf>
    <xf numFmtId="0" fontId="26" fillId="0" borderId="37" xfId="0" applyFont="1" applyBorder="1" applyAlignment="1" applyProtection="1">
      <alignment horizontal="center" vertical="center" wrapText="1"/>
      <protection hidden="1"/>
    </xf>
    <xf numFmtId="0" fontId="26" fillId="0" borderId="36" xfId="0" applyFont="1" applyBorder="1" applyAlignment="1" applyProtection="1">
      <alignment horizontal="center" vertical="center" wrapText="1"/>
      <protection hidden="1"/>
    </xf>
    <xf numFmtId="0" fontId="26" fillId="0" borderId="35" xfId="0" applyFont="1" applyBorder="1" applyAlignment="1" applyProtection="1">
      <alignment horizontal="center" vertical="center" wrapText="1"/>
      <protection hidden="1"/>
    </xf>
    <xf numFmtId="0" fontId="33" fillId="3" borderId="37" xfId="0" applyFont="1" applyFill="1" applyBorder="1" applyAlignment="1" applyProtection="1">
      <alignment horizontal="center"/>
      <protection hidden="1"/>
    </xf>
    <xf numFmtId="0" fontId="33" fillId="3" borderId="36" xfId="0" applyFont="1" applyFill="1" applyBorder="1" applyAlignment="1" applyProtection="1">
      <alignment horizontal="center"/>
      <protection hidden="1"/>
    </xf>
    <xf numFmtId="0" fontId="33" fillId="3" borderId="35" xfId="0" applyFont="1" applyFill="1" applyBorder="1" applyAlignment="1" applyProtection="1">
      <alignment horizontal="center"/>
      <protection hidden="1"/>
    </xf>
    <xf numFmtId="0" fontId="34" fillId="5" borderId="13" xfId="0" applyFont="1" applyFill="1" applyBorder="1" applyAlignment="1" applyProtection="1">
      <alignment horizontal="center"/>
      <protection hidden="1"/>
    </xf>
    <xf numFmtId="0" fontId="34" fillId="5" borderId="15" xfId="0" applyFont="1" applyFill="1" applyBorder="1" applyAlignment="1" applyProtection="1">
      <alignment horizontal="center"/>
      <protection hidden="1"/>
    </xf>
    <xf numFmtId="0" fontId="28" fillId="0" borderId="26" xfId="0" applyFont="1" applyBorder="1" applyAlignment="1" applyProtection="1">
      <alignment horizontal="center" vertical="center" wrapText="1"/>
      <protection hidden="1"/>
    </xf>
    <xf numFmtId="0" fontId="28" fillId="0" borderId="27" xfId="0" applyFont="1" applyBorder="1" applyAlignment="1" applyProtection="1">
      <alignment horizontal="center" vertical="center" wrapText="1"/>
      <protection hidden="1"/>
    </xf>
    <xf numFmtId="9" fontId="35" fillId="4" borderId="37" xfId="3" applyFont="1" applyFill="1" applyBorder="1" applyAlignment="1" applyProtection="1">
      <alignment horizontal="center" vertical="center"/>
      <protection hidden="1"/>
    </xf>
    <xf numFmtId="9" fontId="35" fillId="4" borderId="35" xfId="3" applyFont="1" applyFill="1" applyBorder="1" applyAlignment="1" applyProtection="1">
      <alignment horizontal="center" vertical="center"/>
      <protection hidden="1"/>
    </xf>
    <xf numFmtId="0" fontId="26" fillId="0" borderId="0" xfId="0" applyFont="1" applyAlignment="1">
      <alignment horizontal="center"/>
    </xf>
    <xf numFmtId="0" fontId="28" fillId="0" borderId="16" xfId="0" applyFont="1" applyBorder="1" applyAlignment="1" applyProtection="1">
      <alignment horizontal="left"/>
      <protection hidden="1"/>
    </xf>
    <xf numFmtId="0" fontId="28" fillId="0" borderId="0" xfId="0" applyFont="1" applyAlignment="1" applyProtection="1">
      <alignment horizontal="left"/>
      <protection hidden="1"/>
    </xf>
    <xf numFmtId="0" fontId="28" fillId="0" borderId="17" xfId="0" applyFont="1" applyBorder="1" applyAlignment="1" applyProtection="1">
      <alignment horizontal="left"/>
      <protection hidden="1"/>
    </xf>
    <xf numFmtId="0" fontId="33" fillId="0" borderId="0" xfId="0" applyFont="1" applyAlignment="1">
      <alignment horizontal="center"/>
    </xf>
    <xf numFmtId="0" fontId="31" fillId="0" borderId="26" xfId="2" applyFont="1" applyBorder="1" applyAlignment="1" applyProtection="1">
      <alignment horizontal="center" wrapText="1"/>
      <protection hidden="1"/>
    </xf>
    <xf numFmtId="0" fontId="31" fillId="0" borderId="11" xfId="2" applyFont="1" applyBorder="1" applyAlignment="1" applyProtection="1">
      <alignment horizontal="center" wrapText="1"/>
      <protection hidden="1"/>
    </xf>
    <xf numFmtId="0" fontId="31" fillId="0" borderId="27" xfId="2" applyFont="1" applyBorder="1" applyAlignment="1" applyProtection="1">
      <alignment horizontal="center" wrapText="1"/>
      <protection hidden="1"/>
    </xf>
    <xf numFmtId="0" fontId="28" fillId="0" borderId="0" xfId="0" applyFont="1" applyAlignment="1">
      <alignment horizontal="center"/>
    </xf>
    <xf numFmtId="0" fontId="33" fillId="3" borderId="22" xfId="2" applyFont="1" applyFill="1" applyBorder="1" applyAlignment="1" applyProtection="1">
      <alignment horizontal="center" vertical="center" wrapText="1"/>
      <protection hidden="1"/>
    </xf>
    <xf numFmtId="0" fontId="33" fillId="3" borderId="7" xfId="2" applyFont="1" applyFill="1" applyBorder="1" applyAlignment="1" applyProtection="1">
      <alignment horizontal="center" vertical="center" wrapText="1"/>
      <protection hidden="1"/>
    </xf>
    <xf numFmtId="0" fontId="33" fillId="3" borderId="23" xfId="2" applyFont="1" applyFill="1" applyBorder="1" applyAlignment="1" applyProtection="1">
      <alignment horizontal="center" vertical="center" wrapText="1"/>
      <protection hidden="1"/>
    </xf>
    <xf numFmtId="0" fontId="28" fillId="0" borderId="16" xfId="0" applyFont="1" applyBorder="1" applyAlignment="1" applyProtection="1">
      <alignment horizontal="left" wrapText="1"/>
      <protection hidden="1"/>
    </xf>
    <xf numFmtId="0" fontId="28" fillId="0" borderId="0" xfId="0" applyFont="1" applyAlignment="1" applyProtection="1">
      <alignment horizontal="left" wrapText="1"/>
      <protection hidden="1"/>
    </xf>
    <xf numFmtId="0" fontId="28" fillId="0" borderId="17" xfId="0" applyFont="1" applyBorder="1" applyAlignment="1" applyProtection="1">
      <alignment horizontal="left" wrapText="1"/>
      <protection hidden="1"/>
    </xf>
    <xf numFmtId="0" fontId="28" fillId="0" borderId="18" xfId="0" applyFont="1" applyBorder="1" applyAlignment="1" applyProtection="1">
      <alignment horizontal="left" wrapText="1"/>
      <protection hidden="1"/>
    </xf>
    <xf numFmtId="0" fontId="28" fillId="0" borderId="19" xfId="0" applyFont="1" applyBorder="1" applyAlignment="1" applyProtection="1">
      <alignment horizontal="left" wrapText="1"/>
      <protection hidden="1"/>
    </xf>
    <xf numFmtId="0" fontId="28" fillId="0" borderId="20" xfId="0" applyFont="1" applyBorder="1" applyAlignment="1" applyProtection="1">
      <alignment horizontal="left" wrapText="1"/>
      <protection hidden="1"/>
    </xf>
    <xf numFmtId="0" fontId="26" fillId="0" borderId="9" xfId="0" applyFont="1" applyBorder="1" applyAlignment="1" applyProtection="1">
      <alignment horizontal="center"/>
      <protection hidden="1"/>
    </xf>
    <xf numFmtId="0" fontId="26" fillId="0" borderId="28" xfId="0" applyFont="1" applyBorder="1" applyAlignment="1" applyProtection="1">
      <alignment horizontal="center"/>
      <protection hidden="1"/>
    </xf>
    <xf numFmtId="0" fontId="26" fillId="2" borderId="10" xfId="0" applyFont="1" applyFill="1" applyBorder="1" applyAlignment="1" applyProtection="1">
      <alignment horizontal="center"/>
      <protection locked="0"/>
    </xf>
    <xf numFmtId="0" fontId="26" fillId="2" borderId="11" xfId="0" applyFont="1" applyFill="1" applyBorder="1" applyAlignment="1" applyProtection="1">
      <alignment horizontal="center"/>
      <protection locked="0"/>
    </xf>
    <xf numFmtId="0" fontId="26" fillId="2" borderId="12" xfId="0" applyFont="1" applyFill="1" applyBorder="1" applyAlignment="1" applyProtection="1">
      <alignment horizontal="center"/>
      <protection locked="0"/>
    </xf>
    <xf numFmtId="0" fontId="26" fillId="0" borderId="1" xfId="0" applyFont="1" applyBorder="1" applyAlignment="1" applyProtection="1">
      <alignment horizontal="center"/>
      <protection hidden="1"/>
    </xf>
    <xf numFmtId="0" fontId="26" fillId="0" borderId="40" xfId="0" applyFont="1" applyBorder="1" applyAlignment="1" applyProtection="1">
      <alignment horizontal="center"/>
      <protection hidden="1"/>
    </xf>
    <xf numFmtId="0" fontId="27" fillId="0" borderId="2" xfId="0" applyFont="1" applyBorder="1" applyAlignment="1" applyProtection="1">
      <alignment horizontal="center"/>
      <protection hidden="1"/>
    </xf>
    <xf numFmtId="0" fontId="27" fillId="0" borderId="3" xfId="0" applyFont="1" applyBorder="1" applyAlignment="1" applyProtection="1">
      <alignment horizontal="center"/>
      <protection hidden="1"/>
    </xf>
    <xf numFmtId="0" fontId="27" fillId="0" borderId="4" xfId="0" applyFont="1" applyBorder="1" applyAlignment="1" applyProtection="1">
      <alignment horizontal="center"/>
      <protection hidden="1"/>
    </xf>
    <xf numFmtId="0" fontId="26" fillId="0" borderId="5" xfId="0" applyFont="1" applyBorder="1" applyAlignment="1" applyProtection="1">
      <alignment horizontal="center"/>
      <protection hidden="1"/>
    </xf>
    <xf numFmtId="0" fontId="26" fillId="0" borderId="24" xfId="0" applyFont="1" applyBorder="1" applyAlignment="1" applyProtection="1">
      <alignment horizontal="center"/>
      <protection hidden="1"/>
    </xf>
    <xf numFmtId="0" fontId="26" fillId="0" borderId="6" xfId="0" applyFont="1" applyBorder="1" applyAlignment="1" applyProtection="1">
      <alignment horizontal="center" vertical="center" wrapText="1"/>
      <protection hidden="1"/>
    </xf>
    <xf numFmtId="0" fontId="26" fillId="0" borderId="7" xfId="0" applyFont="1" applyBorder="1" applyAlignment="1" applyProtection="1">
      <alignment horizontal="center" vertical="center" wrapText="1"/>
      <protection hidden="1"/>
    </xf>
    <xf numFmtId="0" fontId="26" fillId="0" borderId="8" xfId="0" applyFont="1" applyBorder="1" applyAlignment="1" applyProtection="1">
      <alignment horizontal="center" vertical="center" wrapText="1"/>
      <protection hidden="1"/>
    </xf>
    <xf numFmtId="0" fontId="27" fillId="0" borderId="6" xfId="0" applyFont="1" applyBorder="1" applyAlignment="1" applyProtection="1">
      <alignment horizontal="center" wrapText="1"/>
      <protection hidden="1"/>
    </xf>
    <xf numFmtId="0" fontId="27" fillId="0" borderId="7" xfId="0" applyFont="1" applyBorder="1" applyAlignment="1" applyProtection="1">
      <alignment horizontal="center" wrapText="1"/>
      <protection hidden="1"/>
    </xf>
    <xf numFmtId="0" fontId="27" fillId="0" borderId="8" xfId="0" applyFont="1" applyBorder="1" applyAlignment="1" applyProtection="1">
      <alignment horizontal="center" wrapText="1"/>
      <protection hidden="1"/>
    </xf>
    <xf numFmtId="0" fontId="28" fillId="0" borderId="16" xfId="0" applyFont="1" applyBorder="1" applyAlignment="1" applyProtection="1">
      <alignment wrapText="1"/>
      <protection hidden="1"/>
    </xf>
    <xf numFmtId="0" fontId="28" fillId="0" borderId="0" xfId="0" applyFont="1" applyAlignment="1" applyProtection="1">
      <alignment wrapText="1"/>
      <protection hidden="1"/>
    </xf>
    <xf numFmtId="0" fontId="28" fillId="0" borderId="17" xfId="0" applyFont="1" applyBorder="1" applyAlignment="1" applyProtection="1">
      <alignment wrapText="1"/>
      <protection hidden="1"/>
    </xf>
    <xf numFmtId="0" fontId="33" fillId="3" borderId="21" xfId="0" applyFont="1" applyFill="1" applyBorder="1" applyAlignment="1" applyProtection="1">
      <alignment horizontal="center"/>
      <protection hidden="1"/>
    </xf>
    <xf numFmtId="0" fontId="33" fillId="3" borderId="3" xfId="0" applyFont="1" applyFill="1" applyBorder="1" applyAlignment="1" applyProtection="1">
      <alignment horizontal="center"/>
      <protection hidden="1"/>
    </xf>
    <xf numFmtId="0" fontId="33" fillId="3" borderId="4" xfId="0" applyFont="1" applyFill="1" applyBorder="1" applyAlignment="1" applyProtection="1">
      <alignment horizontal="center"/>
      <protection hidden="1"/>
    </xf>
    <xf numFmtId="0" fontId="29" fillId="0" borderId="13" xfId="0" applyFont="1" applyBorder="1" applyAlignment="1" applyProtection="1">
      <alignment horizontal="left"/>
      <protection hidden="1"/>
    </xf>
    <xf numFmtId="0" fontId="29" fillId="0" borderId="14" xfId="0" applyFont="1" applyBorder="1" applyAlignment="1" applyProtection="1">
      <alignment horizontal="left"/>
      <protection hidden="1"/>
    </xf>
    <xf numFmtId="0" fontId="29" fillId="0" borderId="15" xfId="0" applyFont="1" applyBorder="1" applyAlignment="1" applyProtection="1">
      <alignment horizontal="left"/>
      <protection hidden="1"/>
    </xf>
    <xf numFmtId="0" fontId="26" fillId="0" borderId="6" xfId="0" applyFont="1" applyBorder="1" applyAlignment="1" applyProtection="1">
      <alignment horizontal="center" wrapText="1"/>
      <protection hidden="1"/>
    </xf>
    <xf numFmtId="0" fontId="26" fillId="0" borderId="7" xfId="0" applyFont="1" applyBorder="1" applyAlignment="1" applyProtection="1">
      <alignment horizontal="center" wrapText="1"/>
      <protection hidden="1"/>
    </xf>
    <xf numFmtId="0" fontId="26" fillId="0" borderId="8" xfId="0" applyFont="1" applyBorder="1" applyAlignment="1" applyProtection="1">
      <alignment horizontal="center" wrapText="1"/>
      <protection hidden="1"/>
    </xf>
    <xf numFmtId="0" fontId="21" fillId="0" borderId="5" xfId="0" applyFont="1" applyBorder="1" applyAlignment="1" applyProtection="1">
      <alignment horizontal="center" vertical="center" wrapText="1"/>
      <protection hidden="1"/>
    </xf>
    <xf numFmtId="0" fontId="21" fillId="0" borderId="24" xfId="0" applyFont="1" applyBorder="1" applyAlignment="1" applyProtection="1">
      <alignment horizontal="center" vertical="center" wrapText="1"/>
      <protection hidden="1"/>
    </xf>
    <xf numFmtId="0" fontId="28" fillId="0" borderId="5" xfId="0" applyFont="1" applyBorder="1" applyAlignment="1" applyProtection="1">
      <alignment horizontal="left"/>
      <protection hidden="1"/>
    </xf>
    <xf numFmtId="0" fontId="28" fillId="0" borderId="24" xfId="0" applyFont="1" applyBorder="1" applyAlignment="1" applyProtection="1">
      <alignment horizontal="left"/>
      <protection hidden="1"/>
    </xf>
    <xf numFmtId="0" fontId="28" fillId="0" borderId="25" xfId="0" applyFont="1" applyBorder="1" applyAlignment="1" applyProtection="1">
      <alignment horizontal="left"/>
      <protection hidden="1"/>
    </xf>
    <xf numFmtId="0" fontId="21" fillId="0" borderId="9" xfId="0" applyFont="1" applyBorder="1" applyAlignment="1" applyProtection="1">
      <alignment horizontal="center" vertical="center" wrapText="1"/>
      <protection hidden="1"/>
    </xf>
    <xf numFmtId="0" fontId="21" fillId="0" borderId="28" xfId="0" applyFont="1" applyBorder="1" applyAlignment="1" applyProtection="1">
      <alignment horizontal="center" vertical="center" wrapText="1"/>
      <protection hidden="1"/>
    </xf>
    <xf numFmtId="0" fontId="29" fillId="0" borderId="1" xfId="0" applyFont="1" applyBorder="1" applyAlignment="1" applyProtection="1">
      <alignment horizontal="left"/>
      <protection hidden="1"/>
    </xf>
    <xf numFmtId="0" fontId="29" fillId="0" borderId="40" xfId="0" applyFont="1" applyBorder="1" applyAlignment="1" applyProtection="1">
      <alignment horizontal="left"/>
      <protection hidden="1"/>
    </xf>
    <xf numFmtId="0" fontId="29" fillId="0" borderId="41" xfId="0" applyFont="1" applyBorder="1" applyAlignment="1" applyProtection="1">
      <alignment horizontal="left"/>
      <protection hidden="1"/>
    </xf>
    <xf numFmtId="0" fontId="28" fillId="0" borderId="5" xfId="0" applyFont="1" applyBorder="1" applyAlignment="1" applyProtection="1">
      <alignment horizontal="left" wrapText="1"/>
      <protection hidden="1"/>
    </xf>
    <xf numFmtId="0" fontId="28" fillId="0" borderId="24" xfId="0" applyFont="1" applyBorder="1" applyAlignment="1" applyProtection="1">
      <alignment horizontal="left" wrapText="1"/>
      <protection hidden="1"/>
    </xf>
    <xf numFmtId="0" fontId="28" fillId="0" borderId="25" xfId="0" applyFont="1" applyBorder="1" applyAlignment="1" applyProtection="1">
      <alignment horizontal="left" wrapText="1"/>
      <protection hidden="1"/>
    </xf>
    <xf numFmtId="0" fontId="28" fillId="0" borderId="9" xfId="0" applyFont="1" applyBorder="1" applyAlignment="1" applyProtection="1">
      <alignment horizontal="left" wrapText="1"/>
      <protection hidden="1"/>
    </xf>
    <xf numFmtId="0" fontId="28" fillId="0" borderId="28" xfId="0" applyFont="1" applyBorder="1" applyAlignment="1" applyProtection="1">
      <alignment horizontal="left" wrapText="1"/>
      <protection hidden="1"/>
    </xf>
    <xf numFmtId="0" fontId="28" fillId="0" borderId="29" xfId="0" applyFont="1" applyBorder="1" applyAlignment="1" applyProtection="1">
      <alignment horizontal="left" wrapText="1"/>
      <protection hidden="1"/>
    </xf>
    <xf numFmtId="0" fontId="28" fillId="0" borderId="5" xfId="0" applyFont="1" applyBorder="1" applyAlignment="1" applyProtection="1">
      <alignment wrapText="1"/>
      <protection hidden="1"/>
    </xf>
    <xf numFmtId="0" fontId="28" fillId="0" borderId="24" xfId="0" applyFont="1" applyBorder="1" applyAlignment="1" applyProtection="1">
      <alignment wrapText="1"/>
      <protection hidden="1"/>
    </xf>
    <xf numFmtId="0" fontId="28" fillId="0" borderId="25" xfId="0" applyFont="1" applyBorder="1" applyAlignment="1" applyProtection="1">
      <alignment wrapText="1"/>
      <protection hidden="1"/>
    </xf>
    <xf numFmtId="0" fontId="21" fillId="4" borderId="37" xfId="0" applyFont="1" applyFill="1" applyBorder="1" applyAlignment="1" applyProtection="1">
      <alignment horizontal="center" vertical="center" wrapText="1"/>
      <protection hidden="1"/>
    </xf>
    <xf numFmtId="0" fontId="21" fillId="4" borderId="44" xfId="0" applyFont="1" applyFill="1" applyBorder="1" applyAlignment="1" applyProtection="1">
      <alignment horizontal="center" vertical="center" wrapText="1"/>
      <protection hidden="1"/>
    </xf>
    <xf numFmtId="0" fontId="21" fillId="4" borderId="21" xfId="0" applyFont="1" applyFill="1" applyBorder="1" applyAlignment="1" applyProtection="1">
      <alignment horizontal="center" vertical="center" wrapText="1"/>
      <protection hidden="1"/>
    </xf>
    <xf numFmtId="0" fontId="21" fillId="4" borderId="39" xfId="0" applyFont="1" applyFill="1" applyBorder="1" applyAlignment="1" applyProtection="1">
      <alignment horizontal="center" vertical="center" wrapText="1"/>
      <protection hidden="1"/>
    </xf>
    <xf numFmtId="0" fontId="21" fillId="0" borderId="1" xfId="0" applyFont="1" applyBorder="1" applyAlignment="1" applyProtection="1">
      <alignment horizontal="center" vertical="center" wrapText="1"/>
      <protection hidden="1"/>
    </xf>
    <xf numFmtId="0" fontId="21" fillId="0" borderId="40" xfId="0" applyFont="1" applyBorder="1" applyAlignment="1" applyProtection="1">
      <alignment horizontal="center" vertical="center" wrapText="1"/>
      <protection hidden="1"/>
    </xf>
    <xf numFmtId="0" fontId="28" fillId="0" borderId="22" xfId="0" applyFont="1" applyBorder="1" applyAlignment="1" applyProtection="1">
      <alignment horizontal="left" vertical="center"/>
      <protection hidden="1"/>
    </xf>
    <xf numFmtId="0" fontId="28" fillId="0" borderId="23" xfId="0" applyFont="1" applyBorder="1" applyAlignment="1" applyProtection="1">
      <alignment horizontal="left" vertical="center"/>
      <protection hidden="1"/>
    </xf>
    <xf numFmtId="0" fontId="34" fillId="5" borderId="37" xfId="0" applyFont="1" applyFill="1" applyBorder="1" applyAlignment="1" applyProtection="1">
      <alignment horizontal="center"/>
      <protection hidden="1"/>
    </xf>
    <xf numFmtId="0" fontId="34" fillId="5" borderId="35" xfId="0" applyFont="1" applyFill="1" applyBorder="1" applyAlignment="1" applyProtection="1">
      <alignment horizontal="center"/>
      <protection hidden="1"/>
    </xf>
    <xf numFmtId="0" fontId="28" fillId="0" borderId="26" xfId="0" applyFont="1" applyBorder="1" applyAlignment="1" applyProtection="1">
      <alignment horizontal="left" vertical="center"/>
      <protection hidden="1"/>
    </xf>
    <xf numFmtId="0" fontId="28" fillId="0" borderId="27" xfId="0" applyFont="1" applyBorder="1" applyAlignment="1" applyProtection="1">
      <alignment horizontal="left" vertical="center"/>
      <protection hidden="1"/>
    </xf>
    <xf numFmtId="0" fontId="28" fillId="0" borderId="21" xfId="0" applyFont="1" applyBorder="1" applyAlignment="1" applyProtection="1">
      <alignment horizontal="center" vertical="center"/>
      <protection hidden="1"/>
    </xf>
    <xf numFmtId="0" fontId="28" fillId="0" borderId="39" xfId="0" applyFont="1" applyBorder="1" applyAlignment="1" applyProtection="1">
      <alignment horizontal="center" vertical="center"/>
      <protection hidden="1"/>
    </xf>
    <xf numFmtId="0" fontId="28" fillId="0" borderId="26" xfId="0" applyFont="1" applyBorder="1" applyAlignment="1" applyProtection="1">
      <alignment horizontal="center" vertical="center"/>
      <protection hidden="1"/>
    </xf>
    <xf numFmtId="0" fontId="28" fillId="0" borderId="27" xfId="0" applyFont="1" applyBorder="1" applyAlignment="1" applyProtection="1">
      <alignment horizontal="center" vertical="center"/>
      <protection hidden="1"/>
    </xf>
    <xf numFmtId="0" fontId="26" fillId="0" borderId="6" xfId="0" applyFont="1" applyBorder="1" applyAlignment="1" applyProtection="1">
      <alignment horizontal="left" wrapText="1"/>
      <protection hidden="1"/>
    </xf>
    <xf numFmtId="0" fontId="26" fillId="0" borderId="7" xfId="0" applyFont="1" applyBorder="1" applyAlignment="1" applyProtection="1">
      <alignment horizontal="left" wrapText="1"/>
      <protection hidden="1"/>
    </xf>
    <xf numFmtId="0" fontId="26" fillId="0" borderId="8" xfId="0" applyFont="1" applyBorder="1" applyAlignment="1" applyProtection="1">
      <alignment horizontal="left" wrapText="1"/>
      <protection hidden="1"/>
    </xf>
    <xf numFmtId="0" fontId="28" fillId="0" borderId="9" xfId="0" applyFont="1" applyBorder="1" applyAlignment="1" applyProtection="1">
      <alignment horizontal="center" vertical="center" wrapText="1"/>
      <protection hidden="1"/>
    </xf>
    <xf numFmtId="0" fontId="28" fillId="0" borderId="28" xfId="0" applyFont="1" applyBorder="1" applyAlignment="1" applyProtection="1">
      <alignment horizontal="center" vertical="center" wrapText="1"/>
      <protection hidden="1"/>
    </xf>
    <xf numFmtId="0" fontId="28" fillId="0" borderId="1" xfId="0" applyFont="1" applyBorder="1" applyAlignment="1" applyProtection="1">
      <alignment horizontal="center" vertical="center" wrapText="1"/>
      <protection hidden="1"/>
    </xf>
    <xf numFmtId="0" fontId="28" fillId="0" borderId="40" xfId="0" applyFont="1" applyBorder="1" applyAlignment="1" applyProtection="1">
      <alignment horizontal="center" vertical="center" wrapText="1"/>
      <protection hidden="1"/>
    </xf>
    <xf numFmtId="0" fontId="28" fillId="0" borderId="5" xfId="0" applyFont="1" applyBorder="1" applyAlignment="1" applyProtection="1">
      <alignment horizontal="center" vertical="center" wrapText="1"/>
      <protection hidden="1"/>
    </xf>
    <xf numFmtId="0" fontId="28" fillId="0" borderId="24" xfId="0" applyFont="1" applyBorder="1" applyAlignment="1" applyProtection="1">
      <alignment horizontal="center" vertical="center" wrapText="1"/>
      <protection hidden="1"/>
    </xf>
    <xf numFmtId="0" fontId="28" fillId="0" borderId="5" xfId="0" applyFont="1" applyBorder="1" applyAlignment="1" applyProtection="1">
      <alignment horizontal="left" vertical="center" wrapText="1"/>
      <protection hidden="1"/>
    </xf>
    <xf numFmtId="0" fontId="28" fillId="0" borderId="24" xfId="0" applyFont="1" applyBorder="1" applyAlignment="1" applyProtection="1">
      <alignment horizontal="left" vertical="center" wrapText="1"/>
      <protection hidden="1"/>
    </xf>
    <xf numFmtId="0" fontId="28" fillId="0" borderId="1" xfId="0" applyFont="1" applyBorder="1" applyAlignment="1" applyProtection="1">
      <alignment horizontal="left" vertical="center" wrapText="1"/>
      <protection hidden="1"/>
    </xf>
    <xf numFmtId="0" fontId="28" fillId="0" borderId="40" xfId="0" applyFont="1" applyBorder="1" applyAlignment="1" applyProtection="1">
      <alignment horizontal="left" vertical="center" wrapText="1"/>
      <protection hidden="1"/>
    </xf>
    <xf numFmtId="0" fontId="28" fillId="0" borderId="9" xfId="0" applyFont="1" applyBorder="1" applyAlignment="1" applyProtection="1">
      <alignment horizontal="left" vertical="center" wrapText="1"/>
      <protection hidden="1"/>
    </xf>
    <xf numFmtId="0" fontId="28" fillId="0" borderId="28" xfId="0" applyFont="1" applyBorder="1" applyAlignment="1" applyProtection="1">
      <alignment horizontal="left" vertical="center" wrapText="1"/>
      <protection hidden="1"/>
    </xf>
    <xf numFmtId="0" fontId="28" fillId="0" borderId="22" xfId="0" applyFont="1" applyBorder="1" applyAlignment="1" applyProtection="1">
      <alignment horizontal="left" vertical="center" wrapText="1"/>
      <protection hidden="1"/>
    </xf>
    <xf numFmtId="0" fontId="28" fillId="0" borderId="23" xfId="0" applyFont="1" applyBorder="1" applyAlignment="1" applyProtection="1">
      <alignment horizontal="left" vertical="center" wrapText="1"/>
      <protection hidden="1"/>
    </xf>
    <xf numFmtId="0" fontId="28" fillId="0" borderId="26" xfId="0" applyFont="1" applyBorder="1" applyAlignment="1" applyProtection="1">
      <alignment horizontal="left" vertical="center" wrapText="1"/>
      <protection hidden="1"/>
    </xf>
    <xf numFmtId="0" fontId="28" fillId="0" borderId="27" xfId="0" applyFont="1" applyBorder="1" applyAlignment="1" applyProtection="1">
      <alignment horizontal="left" vertical="center" wrapText="1"/>
      <protection hidden="1"/>
    </xf>
    <xf numFmtId="0" fontId="29" fillId="0" borderId="13" xfId="0" applyFont="1" applyBorder="1" applyAlignment="1" applyProtection="1">
      <alignment horizontal="left" wrapText="1"/>
      <protection hidden="1"/>
    </xf>
    <xf numFmtId="0" fontId="29" fillId="0" borderId="14" xfId="0" applyFont="1" applyBorder="1" applyAlignment="1" applyProtection="1">
      <alignment horizontal="left" wrapText="1"/>
      <protection hidden="1"/>
    </xf>
    <xf numFmtId="0" fontId="29" fillId="0" borderId="15" xfId="0" applyFont="1" applyBorder="1" applyAlignment="1" applyProtection="1">
      <alignment horizontal="left" wrapText="1"/>
      <protection hidden="1"/>
    </xf>
    <xf numFmtId="0" fontId="12" fillId="0" borderId="14" xfId="0" applyFont="1" applyBorder="1" applyAlignment="1">
      <alignment horizontal="center"/>
    </xf>
    <xf numFmtId="0" fontId="20" fillId="5" borderId="13" xfId="0" applyFont="1" applyFill="1" applyBorder="1" applyAlignment="1" applyProtection="1">
      <alignment horizontal="center"/>
      <protection hidden="1"/>
    </xf>
    <xf numFmtId="0" fontId="20" fillId="5" borderId="15" xfId="0" applyFont="1" applyFill="1" applyBorder="1" applyAlignment="1" applyProtection="1">
      <alignment horizontal="center"/>
      <protection hidden="1"/>
    </xf>
    <xf numFmtId="0" fontId="7" fillId="0" borderId="22" xfId="0" applyFont="1" applyBorder="1" applyAlignment="1" applyProtection="1">
      <alignment horizontal="left" vertical="center" wrapText="1"/>
      <protection hidden="1"/>
    </xf>
    <xf numFmtId="0" fontId="7" fillId="0" borderId="23" xfId="0" applyFont="1" applyBorder="1" applyAlignment="1" applyProtection="1">
      <alignment horizontal="left" vertical="center" wrapText="1"/>
      <protection hidden="1"/>
    </xf>
    <xf numFmtId="0" fontId="7" fillId="0" borderId="26" xfId="0" applyFont="1" applyBorder="1" applyAlignment="1" applyProtection="1">
      <alignment horizontal="left" vertical="center" wrapText="1"/>
      <protection hidden="1"/>
    </xf>
    <xf numFmtId="0" fontId="7" fillId="0" borderId="27" xfId="0" applyFont="1" applyBorder="1" applyAlignment="1" applyProtection="1">
      <alignment horizontal="left" vertical="center" wrapText="1"/>
      <protection hidden="1"/>
    </xf>
    <xf numFmtId="9" fontId="22" fillId="4" borderId="37" xfId="3" applyFont="1" applyFill="1" applyBorder="1" applyAlignment="1" applyProtection="1">
      <alignment horizontal="center" vertical="center"/>
      <protection hidden="1"/>
    </xf>
    <xf numFmtId="9" fontId="22" fillId="4" borderId="35" xfId="3" applyFont="1" applyFill="1" applyBorder="1" applyAlignment="1" applyProtection="1">
      <alignment horizontal="center" vertical="center"/>
      <protection hidden="1"/>
    </xf>
    <xf numFmtId="0" fontId="7" fillId="0" borderId="19" xfId="0" applyFont="1" applyBorder="1" applyAlignment="1" applyProtection="1">
      <alignment horizontal="center" wrapText="1"/>
      <protection locked="0"/>
    </xf>
    <xf numFmtId="0" fontId="12" fillId="0" borderId="0" xfId="0" applyFont="1" applyAlignment="1">
      <alignment horizontal="center"/>
    </xf>
    <xf numFmtId="0" fontId="6" fillId="3" borderId="18" xfId="0" applyFont="1" applyFill="1" applyBorder="1" applyAlignment="1" applyProtection="1">
      <alignment horizontal="center"/>
      <protection hidden="1"/>
    </xf>
    <xf numFmtId="0" fontId="6" fillId="3" borderId="19" xfId="0" applyFont="1" applyFill="1" applyBorder="1" applyAlignment="1" applyProtection="1">
      <alignment horizontal="center"/>
      <protection hidden="1"/>
    </xf>
    <xf numFmtId="0" fontId="6" fillId="3" borderId="37" xfId="0" applyFont="1" applyFill="1" applyBorder="1" applyAlignment="1" applyProtection="1">
      <alignment horizontal="center"/>
      <protection hidden="1"/>
    </xf>
    <xf numFmtId="0" fontId="6" fillId="3" borderId="36" xfId="0" applyFont="1" applyFill="1" applyBorder="1" applyAlignment="1" applyProtection="1">
      <alignment horizontal="center"/>
      <protection hidden="1"/>
    </xf>
    <xf numFmtId="0" fontId="6" fillId="3" borderId="35" xfId="0" applyFont="1" applyFill="1" applyBorder="1" applyAlignment="1" applyProtection="1">
      <alignment horizontal="center"/>
      <protection hidden="1"/>
    </xf>
    <xf numFmtId="0" fontId="6" fillId="0" borderId="0" xfId="0" applyFont="1" applyAlignment="1">
      <alignment horizontal="center"/>
    </xf>
    <xf numFmtId="0" fontId="9" fillId="0" borderId="26" xfId="2" applyFont="1" applyBorder="1" applyAlignment="1" applyProtection="1">
      <alignment horizontal="center" wrapText="1"/>
      <protection hidden="1"/>
    </xf>
    <xf numFmtId="0" fontId="9" fillId="0" borderId="11" xfId="2" applyFont="1" applyBorder="1" applyAlignment="1" applyProtection="1">
      <alignment horizontal="center" wrapText="1"/>
      <protection hidden="1"/>
    </xf>
    <xf numFmtId="0" fontId="9" fillId="0" borderId="27" xfId="2" applyFont="1" applyBorder="1" applyAlignment="1" applyProtection="1">
      <alignment horizontal="center" wrapText="1"/>
      <protection hidden="1"/>
    </xf>
    <xf numFmtId="0" fontId="7" fillId="0" borderId="0" xfId="0" applyFont="1" applyAlignment="1">
      <alignment horizontal="center"/>
    </xf>
    <xf numFmtId="0" fontId="18" fillId="0" borderId="37" xfId="0" applyFont="1" applyBorder="1" applyAlignment="1" applyProtection="1">
      <alignment horizontal="center" vertical="center" wrapText="1"/>
      <protection hidden="1"/>
    </xf>
    <xf numFmtId="0" fontId="18" fillId="0" borderId="36" xfId="0" applyFont="1" applyBorder="1" applyAlignment="1" applyProtection="1">
      <alignment horizontal="center" vertical="center" wrapText="1"/>
      <protection hidden="1"/>
    </xf>
    <xf numFmtId="0" fontId="18" fillId="0" borderId="35" xfId="0" applyFont="1" applyBorder="1" applyAlignment="1" applyProtection="1">
      <alignment horizontal="center" vertical="center" wrapText="1"/>
      <protection hidden="1"/>
    </xf>
    <xf numFmtId="0" fontId="6" fillId="3" borderId="21" xfId="0" applyFont="1" applyFill="1" applyBorder="1" applyAlignment="1" applyProtection="1">
      <alignment horizontal="center"/>
      <protection hidden="1"/>
    </xf>
    <xf numFmtId="0" fontId="6" fillId="3" borderId="3" xfId="0" applyFont="1" applyFill="1" applyBorder="1" applyAlignment="1" applyProtection="1">
      <alignment horizontal="center"/>
      <protection hidden="1"/>
    </xf>
    <xf numFmtId="0" fontId="6" fillId="3" borderId="4" xfId="0" applyFont="1" applyFill="1" applyBorder="1" applyAlignment="1" applyProtection="1">
      <alignment horizontal="center"/>
      <protection hidden="1"/>
    </xf>
    <xf numFmtId="0" fontId="6" fillId="3" borderId="22" xfId="2" applyFont="1" applyFill="1" applyBorder="1" applyAlignment="1" applyProtection="1">
      <alignment horizontal="center" vertical="center" wrapText="1"/>
      <protection hidden="1"/>
    </xf>
    <xf numFmtId="0" fontId="6" fillId="3" borderId="7" xfId="2" applyFont="1" applyFill="1" applyBorder="1" applyAlignment="1" applyProtection="1">
      <alignment horizontal="center" vertical="center" wrapText="1"/>
      <protection hidden="1"/>
    </xf>
    <xf numFmtId="0" fontId="6" fillId="3" borderId="23" xfId="2" applyFont="1" applyFill="1" applyBorder="1" applyAlignment="1" applyProtection="1">
      <alignment horizontal="center" vertical="center" wrapText="1"/>
      <protection hidden="1"/>
    </xf>
    <xf numFmtId="0" fontId="12" fillId="0" borderId="1" xfId="0" applyFont="1" applyBorder="1" applyAlignment="1" applyProtection="1">
      <alignment horizontal="center"/>
      <protection hidden="1"/>
    </xf>
    <xf numFmtId="0" fontId="12" fillId="0" borderId="40" xfId="0" applyFont="1" applyBorder="1" applyAlignment="1" applyProtection="1">
      <alignment horizontal="center"/>
      <protection hidden="1"/>
    </xf>
    <xf numFmtId="0" fontId="15" fillId="0" borderId="2" xfId="0" applyFont="1" applyBorder="1" applyAlignment="1" applyProtection="1">
      <alignment horizontal="center"/>
      <protection hidden="1"/>
    </xf>
    <xf numFmtId="0" fontId="15" fillId="0" borderId="3" xfId="0" applyFont="1" applyBorder="1" applyAlignment="1" applyProtection="1">
      <alignment horizontal="center"/>
      <protection hidden="1"/>
    </xf>
    <xf numFmtId="0" fontId="15" fillId="0" borderId="4" xfId="0" applyFont="1" applyBorder="1" applyAlignment="1" applyProtection="1">
      <alignment horizontal="center"/>
      <protection hidden="1"/>
    </xf>
    <xf numFmtId="0" fontId="12" fillId="0" borderId="5" xfId="0" applyFont="1" applyBorder="1" applyAlignment="1" applyProtection="1">
      <alignment horizontal="center"/>
      <protection hidden="1"/>
    </xf>
    <xf numFmtId="0" fontId="12" fillId="0" borderId="24" xfId="0" applyFont="1" applyBorder="1" applyAlignment="1" applyProtection="1">
      <alignment horizontal="center"/>
      <protection hidden="1"/>
    </xf>
    <xf numFmtId="0" fontId="12" fillId="0" borderId="6" xfId="0" applyFont="1" applyBorder="1" applyAlignment="1" applyProtection="1">
      <alignment horizontal="center" wrapText="1"/>
      <protection hidden="1"/>
    </xf>
    <xf numFmtId="0" fontId="12" fillId="0" borderId="7" xfId="0" applyFont="1" applyBorder="1" applyAlignment="1" applyProtection="1">
      <alignment horizontal="center" wrapText="1"/>
      <protection hidden="1"/>
    </xf>
    <xf numFmtId="0" fontId="12" fillId="0" borderId="8" xfId="0" applyFont="1" applyBorder="1" applyAlignment="1" applyProtection="1">
      <alignment horizontal="center" wrapText="1"/>
      <protection hidden="1"/>
    </xf>
    <xf numFmtId="0" fontId="16" fillId="0" borderId="13" xfId="0" applyFont="1" applyBorder="1" applyAlignment="1" applyProtection="1">
      <alignment horizontal="left"/>
      <protection hidden="1"/>
    </xf>
    <xf numFmtId="0" fontId="16" fillId="0" borderId="14" xfId="0" applyFont="1" applyBorder="1" applyAlignment="1" applyProtection="1">
      <alignment horizontal="left"/>
      <protection hidden="1"/>
    </xf>
    <xf numFmtId="0" fontId="16" fillId="0" borderId="15" xfId="0" applyFont="1" applyBorder="1" applyAlignment="1" applyProtection="1">
      <alignment horizontal="left"/>
      <protection hidden="1"/>
    </xf>
    <xf numFmtId="0" fontId="7" fillId="0" borderId="16" xfId="0" applyFont="1" applyBorder="1" applyAlignment="1" applyProtection="1">
      <alignment horizontal="left"/>
      <protection hidden="1"/>
    </xf>
    <xf numFmtId="0" fontId="7" fillId="0" borderId="0" xfId="0" applyFont="1" applyAlignment="1" applyProtection="1">
      <alignment horizontal="left"/>
      <protection hidden="1"/>
    </xf>
    <xf numFmtId="0" fontId="7" fillId="0" borderId="17" xfId="0" applyFont="1" applyBorder="1" applyAlignment="1" applyProtection="1">
      <alignment horizontal="left"/>
      <protection hidden="1"/>
    </xf>
    <xf numFmtId="0" fontId="7" fillId="0" borderId="16" xfId="0" applyFont="1" applyBorder="1" applyAlignment="1" applyProtection="1">
      <alignment horizontal="left" wrapText="1"/>
      <protection hidden="1"/>
    </xf>
    <xf numFmtId="0" fontId="7" fillId="0" borderId="0" xfId="0" applyFont="1" applyAlignment="1" applyProtection="1">
      <alignment horizontal="left" wrapText="1"/>
      <protection hidden="1"/>
    </xf>
    <xf numFmtId="0" fontId="7" fillId="0" borderId="17" xfId="0" applyFont="1" applyBorder="1" applyAlignment="1" applyProtection="1">
      <alignment horizontal="left" wrapText="1"/>
      <protection hidden="1"/>
    </xf>
    <xf numFmtId="0" fontId="15" fillId="0" borderId="6" xfId="0" applyFont="1" applyBorder="1" applyAlignment="1" applyProtection="1">
      <alignment horizontal="center" wrapText="1"/>
      <protection hidden="1"/>
    </xf>
    <xf numFmtId="0" fontId="15" fillId="0" borderId="7" xfId="0" applyFont="1" applyBorder="1" applyAlignment="1" applyProtection="1">
      <alignment horizontal="center" wrapText="1"/>
      <protection hidden="1"/>
    </xf>
    <xf numFmtId="0" fontId="15" fillId="0" borderId="8" xfId="0" applyFont="1" applyBorder="1" applyAlignment="1" applyProtection="1">
      <alignment horizontal="center" wrapText="1"/>
      <protection hidden="1"/>
    </xf>
    <xf numFmtId="0" fontId="12" fillId="0" borderId="9" xfId="0" applyFont="1" applyBorder="1" applyAlignment="1" applyProtection="1">
      <alignment horizontal="center"/>
      <protection hidden="1"/>
    </xf>
    <xf numFmtId="0" fontId="12" fillId="0" borderId="28" xfId="0" applyFont="1" applyBorder="1" applyAlignment="1" applyProtection="1">
      <alignment horizontal="center"/>
      <protection hidden="1"/>
    </xf>
    <xf numFmtId="0" fontId="12" fillId="2" borderId="10" xfId="0" applyFont="1" applyFill="1" applyBorder="1" applyAlignment="1" applyProtection="1">
      <alignment horizontal="center"/>
      <protection locked="0"/>
    </xf>
    <xf numFmtId="0" fontId="12" fillId="2" borderId="11" xfId="0" applyFont="1" applyFill="1" applyBorder="1" applyAlignment="1" applyProtection="1">
      <alignment horizontal="center"/>
      <protection locked="0"/>
    </xf>
    <xf numFmtId="0" fontId="12" fillId="2" borderId="12" xfId="0" applyFont="1" applyFill="1" applyBorder="1" applyAlignment="1" applyProtection="1">
      <alignment horizontal="center"/>
      <protection locked="0"/>
    </xf>
    <xf numFmtId="0" fontId="28" fillId="4" borderId="22" xfId="0" applyFont="1" applyFill="1" applyBorder="1" applyAlignment="1" applyProtection="1">
      <alignment horizontal="left" vertical="center" wrapText="1"/>
      <protection hidden="1"/>
    </xf>
    <xf numFmtId="0" fontId="28" fillId="4" borderId="23" xfId="0" applyFont="1" applyFill="1" applyBorder="1" applyAlignment="1" applyProtection="1">
      <alignment horizontal="left" vertical="center" wrapText="1"/>
      <protection hidden="1"/>
    </xf>
    <xf numFmtId="0" fontId="28" fillId="4" borderId="26" xfId="0" applyFont="1" applyFill="1" applyBorder="1" applyAlignment="1" applyProtection="1">
      <alignment horizontal="left" vertical="center" wrapText="1"/>
      <protection hidden="1"/>
    </xf>
    <xf numFmtId="0" fontId="28" fillId="4" borderId="27" xfId="0" applyFont="1" applyFill="1" applyBorder="1" applyAlignment="1" applyProtection="1">
      <alignment horizontal="left" vertical="center" wrapText="1"/>
      <protection hidden="1"/>
    </xf>
  </cellXfs>
  <cellStyles count="5">
    <cellStyle name="Hyperlink" xfId="4" builtinId="8"/>
    <cellStyle name="Normal" xfId="0" builtinId="0"/>
    <cellStyle name="Normal 2 2" xfId="2" xr:uid="{890F7CC7-98F9-4279-9F53-96689D0B7B5E}"/>
    <cellStyle name="Percent" xfId="1" builtinId="5"/>
    <cellStyle name="Percent 3" xfId="3" xr:uid="{4FD534F6-15FA-4ABF-AC0B-CCF5085FBF56}"/>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hyperlink" Target="https://www.google.com/url?sa=i&amp;source=web&amp;rct=j&amp;url=https://www.sars.gov.za/customs-and-excise/excise/excise-offices/&amp;ved=2ahUKEwiXuan1uaSTAxW9a0EAHVFoO-sQy_kOegQIARAB&amp;opi=89978449&amp;cd&amp;psig=AOvVaw3w8BgCSRK6TcLRDzc2vKjp&amp;ust=1773751641423000" TargetMode="Externa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FBCA05-C495-4F63-95BF-3CCE953006F3}">
  <dimension ref="A1:AQ123"/>
  <sheetViews>
    <sheetView view="pageBreakPreview" topLeftCell="A21" zoomScale="98" zoomScaleNormal="85" zoomScaleSheetLayoutView="98" workbookViewId="0">
      <selection activeCell="B12" sqref="B12:F12"/>
    </sheetView>
  </sheetViews>
  <sheetFormatPr defaultColWidth="9.09765625" defaultRowHeight="16.149999999999999" x14ac:dyDescent="0.35"/>
  <cols>
    <col min="1" max="1" width="4.59765625"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106"/>
      <c r="B1" s="107"/>
      <c r="C1" s="107"/>
      <c r="D1" s="107"/>
      <c r="E1" s="83"/>
      <c r="F1" s="106"/>
      <c r="G1" s="83"/>
    </row>
    <row r="2" spans="1:8" x14ac:dyDescent="0.35">
      <c r="A2" s="81"/>
      <c r="B2" s="175" t="s">
        <v>0</v>
      </c>
      <c r="C2" s="176" t="s">
        <v>164</v>
      </c>
      <c r="D2" s="177" t="s">
        <v>327</v>
      </c>
      <c r="E2" s="178"/>
      <c r="F2" s="179"/>
      <c r="G2" s="81"/>
    </row>
    <row r="3" spans="1:8" x14ac:dyDescent="0.35">
      <c r="A3" s="81"/>
      <c r="B3" s="180" t="s">
        <v>1</v>
      </c>
      <c r="C3" s="181" t="s">
        <v>168</v>
      </c>
      <c r="D3" s="197" t="s">
        <v>330</v>
      </c>
      <c r="E3" s="198"/>
      <c r="F3" s="199"/>
      <c r="G3" s="81"/>
    </row>
    <row r="4" spans="1:8" x14ac:dyDescent="0.35">
      <c r="A4" s="81"/>
      <c r="B4" s="180" t="s">
        <v>2</v>
      </c>
      <c r="C4" s="181" t="s">
        <v>308</v>
      </c>
      <c r="D4" s="185" t="s">
        <v>308</v>
      </c>
      <c r="E4" s="186"/>
      <c r="F4" s="187"/>
      <c r="G4" s="81"/>
    </row>
    <row r="5" spans="1:8" ht="16.7" thickBot="1" x14ac:dyDescent="0.4">
      <c r="A5" s="81"/>
      <c r="B5" s="170" t="s">
        <v>3</v>
      </c>
      <c r="C5" s="171"/>
      <c r="D5" s="172"/>
      <c r="E5" s="173"/>
      <c r="F5" s="174"/>
      <c r="G5" s="81"/>
    </row>
    <row r="6" spans="1:8" ht="16.7" thickBot="1" x14ac:dyDescent="0.4">
      <c r="A6" s="81"/>
      <c r="B6" s="81"/>
      <c r="C6" s="81"/>
      <c r="D6" s="81"/>
      <c r="E6" s="81"/>
      <c r="F6" s="81"/>
      <c r="G6" s="81"/>
    </row>
    <row r="7" spans="1:8" x14ac:dyDescent="0.35">
      <c r="A7" s="81"/>
      <c r="B7" s="207" t="s">
        <v>4</v>
      </c>
      <c r="C7" s="208"/>
      <c r="D7" s="208"/>
      <c r="E7" s="208"/>
      <c r="F7" s="209"/>
      <c r="G7" s="81"/>
    </row>
    <row r="8" spans="1:8" x14ac:dyDescent="0.35">
      <c r="A8" s="81"/>
      <c r="B8" s="202" t="s">
        <v>332</v>
      </c>
      <c r="C8" s="203"/>
      <c r="D8" s="203"/>
      <c r="E8" s="203"/>
      <c r="F8" s="204"/>
      <c r="G8" s="81"/>
      <c r="H8" s="54"/>
    </row>
    <row r="9" spans="1:8" ht="20.3" customHeight="1" x14ac:dyDescent="0.35">
      <c r="A9" s="81"/>
      <c r="B9" s="210" t="s">
        <v>5</v>
      </c>
      <c r="C9" s="211"/>
      <c r="D9" s="211"/>
      <c r="E9" s="211"/>
      <c r="F9" s="212"/>
      <c r="G9" s="81"/>
      <c r="H9" s="54"/>
    </row>
    <row r="10" spans="1:8" ht="17.3" customHeight="1" x14ac:dyDescent="0.35">
      <c r="A10" s="81"/>
      <c r="B10" s="210" t="s">
        <v>344</v>
      </c>
      <c r="C10" s="211"/>
      <c r="D10" s="211"/>
      <c r="E10" s="211"/>
      <c r="F10" s="212"/>
      <c r="G10" s="81"/>
    </row>
    <row r="11" spans="1:8" ht="33.700000000000003" customHeight="1" x14ac:dyDescent="0.35">
      <c r="A11" s="81"/>
      <c r="B11" s="210" t="s">
        <v>165</v>
      </c>
      <c r="C11" s="211"/>
      <c r="D11" s="211"/>
      <c r="E11" s="211"/>
      <c r="F11" s="212"/>
      <c r="G11" s="81"/>
      <c r="H11" s="54"/>
    </row>
    <row r="12" spans="1:8" ht="48.85" customHeight="1" x14ac:dyDescent="0.35">
      <c r="A12" s="81"/>
      <c r="B12" s="210" t="s">
        <v>166</v>
      </c>
      <c r="C12" s="211"/>
      <c r="D12" s="211"/>
      <c r="E12" s="211"/>
      <c r="F12" s="212"/>
      <c r="G12" s="81"/>
    </row>
    <row r="13" spans="1:8" x14ac:dyDescent="0.35">
      <c r="A13" s="81"/>
      <c r="B13" s="202" t="s">
        <v>167</v>
      </c>
      <c r="C13" s="203"/>
      <c r="D13" s="203"/>
      <c r="E13" s="203"/>
      <c r="F13" s="204"/>
      <c r="G13" s="81"/>
      <c r="H13" s="54"/>
    </row>
    <row r="14" spans="1:8" x14ac:dyDescent="0.35">
      <c r="A14" s="81"/>
      <c r="B14" s="202" t="s">
        <v>354</v>
      </c>
      <c r="C14" s="203"/>
      <c r="D14" s="203"/>
      <c r="E14" s="203"/>
      <c r="F14" s="204"/>
      <c r="G14" s="81"/>
      <c r="H14" s="54"/>
    </row>
    <row r="15" spans="1:8" ht="36" customHeight="1" x14ac:dyDescent="0.35">
      <c r="A15" s="81"/>
      <c r="B15" s="216" t="s">
        <v>345</v>
      </c>
      <c r="C15" s="217"/>
      <c r="D15" s="217"/>
      <c r="E15" s="217"/>
      <c r="F15" s="218"/>
      <c r="G15" s="81"/>
      <c r="H15" s="54"/>
    </row>
    <row r="16" spans="1:8" ht="33" customHeight="1" x14ac:dyDescent="0.35">
      <c r="A16" s="81"/>
      <c r="B16" s="210" t="s">
        <v>346</v>
      </c>
      <c r="C16" s="211"/>
      <c r="D16" s="211"/>
      <c r="E16" s="211"/>
      <c r="F16" s="212"/>
      <c r="G16" s="81"/>
      <c r="H16" s="54"/>
    </row>
    <row r="17" spans="1:43" x14ac:dyDescent="0.35">
      <c r="A17" s="81"/>
      <c r="B17" s="202" t="s">
        <v>347</v>
      </c>
      <c r="C17" s="203"/>
      <c r="D17" s="203"/>
      <c r="E17" s="203"/>
      <c r="F17" s="204"/>
      <c r="G17" s="81"/>
      <c r="H17" s="54"/>
    </row>
    <row r="18" spans="1:43" ht="18" customHeight="1" thickBot="1" x14ac:dyDescent="0.4">
      <c r="A18" s="81"/>
      <c r="B18" s="213" t="s">
        <v>348</v>
      </c>
      <c r="C18" s="214"/>
      <c r="D18" s="214"/>
      <c r="E18" s="214"/>
      <c r="F18" s="215"/>
      <c r="G18" s="81"/>
      <c r="H18" s="54"/>
    </row>
    <row r="19" spans="1:43" ht="16.7" thickBot="1" x14ac:dyDescent="0.4">
      <c r="A19" s="81"/>
      <c r="B19" s="82"/>
      <c r="C19" s="82"/>
      <c r="D19" s="82"/>
      <c r="E19" s="82"/>
      <c r="F19" s="82"/>
      <c r="G19" s="82"/>
      <c r="H19" s="56"/>
    </row>
    <row r="20" spans="1:43" x14ac:dyDescent="0.35">
      <c r="A20" s="81"/>
      <c r="B20" s="191" t="s">
        <v>6</v>
      </c>
      <c r="C20" s="192"/>
      <c r="D20" s="192"/>
      <c r="E20" s="192"/>
      <c r="F20" s="193"/>
      <c r="G20" s="108"/>
      <c r="H20" s="57"/>
      <c r="I20" s="57"/>
    </row>
    <row r="21" spans="1:43" x14ac:dyDescent="0.35">
      <c r="A21" s="81"/>
      <c r="B21" s="161" t="s">
        <v>7</v>
      </c>
      <c r="C21" s="162"/>
      <c r="D21" s="163"/>
      <c r="E21" s="84" t="s">
        <v>8</v>
      </c>
      <c r="F21" s="85" t="s">
        <v>9</v>
      </c>
      <c r="G21" s="108"/>
      <c r="H21" s="57"/>
      <c r="I21" s="57"/>
      <c r="J21" s="57"/>
      <c r="K21" s="57"/>
      <c r="L21" s="57"/>
      <c r="M21" s="57"/>
      <c r="N21" s="57"/>
      <c r="O21" s="57"/>
      <c r="P21" s="57"/>
      <c r="Q21" s="57"/>
      <c r="R21" s="57"/>
      <c r="S21" s="58"/>
      <c r="T21" s="57"/>
      <c r="U21" s="57"/>
      <c r="V21" s="57"/>
      <c r="W21" s="57"/>
      <c r="X21" s="58"/>
      <c r="Y21" s="58"/>
      <c r="Z21" s="57"/>
      <c r="AA21" s="57"/>
      <c r="AB21" s="57"/>
      <c r="AC21" s="57"/>
      <c r="AD21" s="156"/>
      <c r="AE21" s="156"/>
      <c r="AF21" s="57"/>
      <c r="AG21" s="57"/>
      <c r="AH21" s="57"/>
      <c r="AI21" s="57"/>
      <c r="AJ21" s="156"/>
      <c r="AK21" s="156"/>
      <c r="AL21" s="57"/>
      <c r="AM21" s="57"/>
      <c r="AN21" s="57"/>
      <c r="AO21" s="57"/>
      <c r="AP21" s="156"/>
      <c r="AQ21" s="156"/>
    </row>
    <row r="22" spans="1:43" ht="16.7" thickBot="1" x14ac:dyDescent="0.4">
      <c r="A22" s="81"/>
      <c r="B22" s="157" t="s">
        <v>10</v>
      </c>
      <c r="C22" s="158"/>
      <c r="D22" s="159"/>
      <c r="E22" s="59"/>
      <c r="F22" s="60"/>
      <c r="G22" s="108"/>
      <c r="H22" s="57"/>
      <c r="I22" s="57"/>
      <c r="J22" s="61"/>
      <c r="K22" s="61"/>
      <c r="L22" s="61"/>
      <c r="M22" s="61"/>
      <c r="N22" s="61"/>
      <c r="O22" s="61"/>
      <c r="P22" s="61"/>
      <c r="Q22" s="61"/>
      <c r="R22" s="61"/>
      <c r="T22" s="61"/>
      <c r="U22" s="61"/>
      <c r="V22" s="61"/>
      <c r="W22" s="61"/>
      <c r="Z22" s="61"/>
      <c r="AA22" s="61"/>
      <c r="AB22" s="61"/>
      <c r="AC22" s="61"/>
      <c r="AD22" s="160"/>
      <c r="AE22" s="160"/>
      <c r="AF22" s="61"/>
      <c r="AG22" s="61"/>
      <c r="AH22" s="61"/>
      <c r="AI22" s="61"/>
      <c r="AJ22" s="160"/>
      <c r="AK22" s="160"/>
      <c r="AL22" s="61"/>
      <c r="AM22" s="61"/>
      <c r="AN22" s="61"/>
      <c r="AO22" s="61"/>
      <c r="AP22" s="160"/>
      <c r="AQ22" s="160"/>
    </row>
    <row r="23" spans="1:43" x14ac:dyDescent="0.35">
      <c r="A23" s="81"/>
      <c r="B23" s="86"/>
      <c r="C23" s="86"/>
      <c r="D23" s="86"/>
      <c r="E23" s="87"/>
      <c r="F23" s="87"/>
      <c r="G23" s="108"/>
      <c r="H23" s="57"/>
      <c r="I23" s="57"/>
      <c r="J23" s="61"/>
      <c r="K23" s="61"/>
      <c r="L23" s="61"/>
      <c r="M23" s="61"/>
      <c r="N23" s="61"/>
      <c r="O23" s="61"/>
      <c r="P23" s="61"/>
      <c r="Q23" s="61"/>
      <c r="R23" s="61"/>
      <c r="T23" s="61"/>
      <c r="U23" s="61"/>
      <c r="V23" s="61"/>
      <c r="W23" s="61"/>
      <c r="Z23" s="61"/>
      <c r="AA23" s="61"/>
      <c r="AB23" s="61"/>
      <c r="AC23" s="61"/>
      <c r="AD23" s="62"/>
      <c r="AE23" s="62"/>
      <c r="AF23" s="61"/>
      <c r="AG23" s="61"/>
      <c r="AH23" s="61"/>
      <c r="AI23" s="61"/>
      <c r="AJ23" s="62"/>
      <c r="AK23" s="62"/>
      <c r="AL23" s="61"/>
      <c r="AM23" s="61"/>
      <c r="AN23" s="61"/>
      <c r="AO23" s="61"/>
      <c r="AP23" s="62"/>
      <c r="AQ23" s="62"/>
    </row>
    <row r="24" spans="1:43" ht="16.7" thickBot="1" x14ac:dyDescent="0.4">
      <c r="A24" s="81"/>
      <c r="B24" s="138" t="s">
        <v>32</v>
      </c>
      <c r="C24" s="139"/>
      <c r="D24" s="139"/>
      <c r="E24" s="139"/>
      <c r="F24" s="139"/>
      <c r="G24" s="81"/>
    </row>
    <row r="25" spans="1:43" s="63" customFormat="1" ht="40.5" customHeight="1" thickBot="1" x14ac:dyDescent="0.35">
      <c r="A25" s="109"/>
      <c r="B25" s="88" t="s">
        <v>170</v>
      </c>
      <c r="C25" s="88" t="s">
        <v>169</v>
      </c>
      <c r="D25" s="88" t="s">
        <v>7</v>
      </c>
      <c r="E25" s="88" t="s">
        <v>11</v>
      </c>
      <c r="F25" s="89" t="s">
        <v>12</v>
      </c>
      <c r="G25" s="109"/>
    </row>
    <row r="26" spans="1:43" ht="16.7" thickBot="1" x14ac:dyDescent="0.4">
      <c r="A26" s="81"/>
      <c r="B26" s="90">
        <v>1</v>
      </c>
      <c r="C26" s="140" t="s">
        <v>33</v>
      </c>
      <c r="D26" s="141"/>
      <c r="E26" s="142"/>
      <c r="F26" s="91"/>
      <c r="G26" s="81"/>
    </row>
    <row r="27" spans="1:43" ht="32.25" x14ac:dyDescent="0.35">
      <c r="A27" s="81"/>
      <c r="B27" s="90">
        <v>1.1000000000000001</v>
      </c>
      <c r="C27" s="92" t="s">
        <v>34</v>
      </c>
      <c r="D27" s="93" t="s">
        <v>35</v>
      </c>
      <c r="E27" s="92" t="s">
        <v>172</v>
      </c>
      <c r="F27" s="66"/>
      <c r="G27" s="81"/>
    </row>
    <row r="28" spans="1:43" x14ac:dyDescent="0.35">
      <c r="A28" s="81"/>
      <c r="B28" s="90">
        <v>1.2</v>
      </c>
      <c r="C28" s="92" t="s">
        <v>36</v>
      </c>
      <c r="D28" s="93" t="s">
        <v>37</v>
      </c>
      <c r="E28" s="92" t="s">
        <v>172</v>
      </c>
      <c r="F28" s="66"/>
      <c r="G28" s="81"/>
    </row>
    <row r="29" spans="1:43" x14ac:dyDescent="0.35">
      <c r="A29" s="81"/>
      <c r="B29" s="90">
        <v>1.3</v>
      </c>
      <c r="C29" s="92" t="s">
        <v>38</v>
      </c>
      <c r="D29" s="93" t="s">
        <v>39</v>
      </c>
      <c r="E29" s="92" t="s">
        <v>40</v>
      </c>
      <c r="F29" s="66"/>
      <c r="G29" s="81"/>
    </row>
    <row r="30" spans="1:43" ht="32.25" x14ac:dyDescent="0.35">
      <c r="A30" s="81"/>
      <c r="B30" s="90">
        <v>1.4</v>
      </c>
      <c r="C30" s="92" t="s">
        <v>349</v>
      </c>
      <c r="D30" s="93" t="s">
        <v>41</v>
      </c>
      <c r="E30" s="92" t="s">
        <v>42</v>
      </c>
      <c r="F30" s="66"/>
      <c r="G30" s="81"/>
    </row>
    <row r="31" spans="1:43" x14ac:dyDescent="0.35">
      <c r="A31" s="81"/>
      <c r="B31" s="90">
        <v>1.5</v>
      </c>
      <c r="C31" s="92" t="s">
        <v>43</v>
      </c>
      <c r="D31" s="93" t="s">
        <v>44</v>
      </c>
      <c r="E31" s="92" t="s">
        <v>47</v>
      </c>
      <c r="F31" s="66"/>
      <c r="G31" s="81"/>
    </row>
    <row r="32" spans="1:43" x14ac:dyDescent="0.35">
      <c r="A32" s="81"/>
      <c r="B32" s="90">
        <v>1.6</v>
      </c>
      <c r="C32" s="92" t="s">
        <v>45</v>
      </c>
      <c r="D32" s="93" t="s">
        <v>46</v>
      </c>
      <c r="E32" s="92" t="s">
        <v>47</v>
      </c>
      <c r="F32" s="66"/>
      <c r="G32" s="81"/>
    </row>
    <row r="33" spans="1:7" x14ac:dyDescent="0.35">
      <c r="A33" s="81"/>
      <c r="B33" s="90">
        <v>1.7</v>
      </c>
      <c r="C33" s="92" t="s">
        <v>48</v>
      </c>
      <c r="D33" s="93" t="s">
        <v>49</v>
      </c>
      <c r="E33" s="92" t="s">
        <v>47</v>
      </c>
      <c r="F33" s="66"/>
      <c r="G33" s="81"/>
    </row>
    <row r="34" spans="1:7" x14ac:dyDescent="0.35">
      <c r="A34" s="81"/>
      <c r="B34" s="90">
        <v>1.8</v>
      </c>
      <c r="C34" s="92" t="s">
        <v>50</v>
      </c>
      <c r="D34" s="93" t="s">
        <v>51</v>
      </c>
      <c r="E34" s="92" t="s">
        <v>40</v>
      </c>
      <c r="F34" s="66"/>
      <c r="G34" s="81"/>
    </row>
    <row r="35" spans="1:7" x14ac:dyDescent="0.35">
      <c r="A35" s="81"/>
      <c r="B35" s="90">
        <v>1.9</v>
      </c>
      <c r="C35" s="92" t="s">
        <v>52</v>
      </c>
      <c r="D35" s="93" t="s">
        <v>53</v>
      </c>
      <c r="E35" s="92" t="s">
        <v>47</v>
      </c>
      <c r="F35" s="66"/>
      <c r="G35" s="81"/>
    </row>
    <row r="36" spans="1:7" x14ac:dyDescent="0.35">
      <c r="A36" s="81"/>
      <c r="B36" s="94">
        <v>1.1000000000000001</v>
      </c>
      <c r="C36" s="92" t="s">
        <v>54</v>
      </c>
      <c r="D36" s="93" t="s">
        <v>55</v>
      </c>
      <c r="E36" s="92" t="s">
        <v>56</v>
      </c>
      <c r="F36" s="66"/>
      <c r="G36" s="81"/>
    </row>
    <row r="37" spans="1:7" ht="16.7" thickBot="1" x14ac:dyDescent="0.4">
      <c r="A37" s="81"/>
      <c r="B37" s="90">
        <v>1.1100000000000001</v>
      </c>
      <c r="C37" s="92" t="s">
        <v>57</v>
      </c>
      <c r="D37" s="93" t="s">
        <v>58</v>
      </c>
      <c r="E37" s="92" t="s">
        <v>59</v>
      </c>
      <c r="F37" s="66"/>
      <c r="G37" s="81"/>
    </row>
    <row r="38" spans="1:7" ht="16.7" thickBot="1" x14ac:dyDescent="0.4">
      <c r="A38" s="81"/>
      <c r="B38" s="90">
        <v>2</v>
      </c>
      <c r="C38" s="140" t="s">
        <v>60</v>
      </c>
      <c r="D38" s="141"/>
      <c r="E38" s="142"/>
      <c r="F38" s="65"/>
      <c r="G38" s="81"/>
    </row>
    <row r="39" spans="1:7" x14ac:dyDescent="0.35">
      <c r="A39" s="81"/>
      <c r="B39" s="90">
        <v>2.1</v>
      </c>
      <c r="C39" s="92" t="s">
        <v>61</v>
      </c>
      <c r="D39" s="93" t="s">
        <v>62</v>
      </c>
      <c r="E39" s="92" t="s">
        <v>56</v>
      </c>
      <c r="F39" s="66"/>
      <c r="G39" s="81"/>
    </row>
    <row r="40" spans="1:7" x14ac:dyDescent="0.35">
      <c r="A40" s="81"/>
      <c r="B40" s="90">
        <v>2.2000000000000002</v>
      </c>
      <c r="C40" s="92" t="s">
        <v>63</v>
      </c>
      <c r="D40" s="93" t="s">
        <v>64</v>
      </c>
      <c r="E40" s="92" t="s">
        <v>40</v>
      </c>
      <c r="F40" s="66"/>
      <c r="G40" s="81"/>
    </row>
    <row r="41" spans="1:7" x14ac:dyDescent="0.35">
      <c r="A41" s="81"/>
      <c r="B41" s="90">
        <v>2.2999999999999998</v>
      </c>
      <c r="C41" s="92" t="s">
        <v>65</v>
      </c>
      <c r="D41" s="93" t="s">
        <v>350</v>
      </c>
      <c r="E41" s="92" t="s">
        <v>47</v>
      </c>
      <c r="F41" s="66"/>
      <c r="G41" s="81"/>
    </row>
    <row r="42" spans="1:7" x14ac:dyDescent="0.35">
      <c r="A42" s="81"/>
      <c r="B42" s="90">
        <v>2.4</v>
      </c>
      <c r="C42" s="92" t="s">
        <v>66</v>
      </c>
      <c r="D42" s="93" t="s">
        <v>67</v>
      </c>
      <c r="E42" s="92" t="s">
        <v>56</v>
      </c>
      <c r="F42" s="66"/>
      <c r="G42" s="81"/>
    </row>
    <row r="43" spans="1:7" x14ac:dyDescent="0.35">
      <c r="A43" s="81"/>
      <c r="B43" s="90">
        <v>2.5</v>
      </c>
      <c r="C43" s="92" t="s">
        <v>68</v>
      </c>
      <c r="D43" s="93" t="s">
        <v>69</v>
      </c>
      <c r="E43" s="92" t="s">
        <v>56</v>
      </c>
      <c r="F43" s="66"/>
      <c r="G43" s="81"/>
    </row>
    <row r="44" spans="1:7" x14ac:dyDescent="0.35">
      <c r="A44" s="81"/>
      <c r="B44" s="90">
        <v>2.6</v>
      </c>
      <c r="C44" s="92" t="s">
        <v>70</v>
      </c>
      <c r="D44" s="93" t="s">
        <v>71</v>
      </c>
      <c r="E44" s="92" t="s">
        <v>56</v>
      </c>
      <c r="F44" s="66"/>
      <c r="G44" s="81"/>
    </row>
    <row r="45" spans="1:7" x14ac:dyDescent="0.35">
      <c r="A45" s="81"/>
      <c r="B45" s="90">
        <v>2.7</v>
      </c>
      <c r="C45" s="92" t="s">
        <v>72</v>
      </c>
      <c r="D45" s="93" t="s">
        <v>73</v>
      </c>
      <c r="E45" s="92" t="s">
        <v>56</v>
      </c>
      <c r="F45" s="66"/>
      <c r="G45" s="81"/>
    </row>
    <row r="46" spans="1:7" x14ac:dyDescent="0.35">
      <c r="A46" s="81"/>
      <c r="B46" s="90">
        <v>2.8</v>
      </c>
      <c r="C46" s="92" t="s">
        <v>74</v>
      </c>
      <c r="D46" s="93" t="s">
        <v>75</v>
      </c>
      <c r="E46" s="92" t="s">
        <v>56</v>
      </c>
      <c r="F46" s="66"/>
      <c r="G46" s="81"/>
    </row>
    <row r="47" spans="1:7" x14ac:dyDescent="0.35">
      <c r="A47" s="81"/>
      <c r="B47" s="90">
        <v>2.9</v>
      </c>
      <c r="C47" s="92" t="s">
        <v>74</v>
      </c>
      <c r="D47" s="93" t="s">
        <v>76</v>
      </c>
      <c r="E47" s="92" t="s">
        <v>59</v>
      </c>
      <c r="F47" s="66"/>
      <c r="G47" s="81"/>
    </row>
    <row r="48" spans="1:7" x14ac:dyDescent="0.35">
      <c r="A48" s="81"/>
      <c r="B48" s="94">
        <v>2.1</v>
      </c>
      <c r="C48" s="92" t="s">
        <v>77</v>
      </c>
      <c r="D48" s="93" t="s">
        <v>78</v>
      </c>
      <c r="E48" s="92" t="s">
        <v>56</v>
      </c>
      <c r="F48" s="66"/>
      <c r="G48" s="81"/>
    </row>
    <row r="49" spans="1:7" x14ac:dyDescent="0.35">
      <c r="A49" s="81"/>
      <c r="B49" s="90">
        <v>2.11</v>
      </c>
      <c r="C49" s="92" t="s">
        <v>77</v>
      </c>
      <c r="D49" s="93" t="s">
        <v>79</v>
      </c>
      <c r="E49" s="92" t="s">
        <v>59</v>
      </c>
      <c r="F49" s="66"/>
      <c r="G49" s="81"/>
    </row>
    <row r="50" spans="1:7" x14ac:dyDescent="0.35">
      <c r="A50" s="81"/>
      <c r="B50" s="90">
        <v>2.12</v>
      </c>
      <c r="C50" s="92" t="s">
        <v>80</v>
      </c>
      <c r="D50" s="93" t="s">
        <v>81</v>
      </c>
      <c r="E50" s="92" t="s">
        <v>56</v>
      </c>
      <c r="F50" s="66"/>
      <c r="G50" s="81"/>
    </row>
    <row r="51" spans="1:7" x14ac:dyDescent="0.35">
      <c r="A51" s="81"/>
      <c r="B51" s="90">
        <v>2.13</v>
      </c>
      <c r="C51" s="92" t="s">
        <v>82</v>
      </c>
      <c r="D51" s="93" t="s">
        <v>83</v>
      </c>
      <c r="E51" s="92" t="s">
        <v>40</v>
      </c>
      <c r="F51" s="66"/>
      <c r="G51" s="81"/>
    </row>
    <row r="52" spans="1:7" x14ac:dyDescent="0.35">
      <c r="A52" s="81"/>
      <c r="B52" s="90">
        <v>2.14</v>
      </c>
      <c r="C52" s="92" t="s">
        <v>84</v>
      </c>
      <c r="D52" s="93" t="s">
        <v>85</v>
      </c>
      <c r="E52" s="92" t="s">
        <v>86</v>
      </c>
      <c r="F52" s="66"/>
      <c r="G52" s="81"/>
    </row>
    <row r="53" spans="1:7" x14ac:dyDescent="0.35">
      <c r="A53" s="81"/>
      <c r="B53" s="90">
        <v>2.15</v>
      </c>
      <c r="C53" s="92" t="s">
        <v>87</v>
      </c>
      <c r="D53" s="93" t="s">
        <v>88</v>
      </c>
      <c r="E53" s="92" t="s">
        <v>56</v>
      </c>
      <c r="F53" s="66"/>
      <c r="G53" s="81"/>
    </row>
    <row r="54" spans="1:7" ht="16.7" thickBot="1" x14ac:dyDescent="0.4">
      <c r="A54" s="81"/>
      <c r="B54" s="90"/>
      <c r="C54" s="92"/>
      <c r="D54" s="93"/>
      <c r="E54" s="92"/>
      <c r="F54" s="65"/>
      <c r="G54" s="81"/>
    </row>
    <row r="55" spans="1:7" ht="16.7" thickBot="1" x14ac:dyDescent="0.4">
      <c r="A55" s="81"/>
      <c r="B55" s="90">
        <v>3</v>
      </c>
      <c r="C55" s="140" t="s">
        <v>89</v>
      </c>
      <c r="D55" s="141"/>
      <c r="E55" s="142"/>
      <c r="F55" s="65"/>
      <c r="G55" s="81"/>
    </row>
    <row r="56" spans="1:7" ht="32.25" x14ac:dyDescent="0.35">
      <c r="A56" s="81"/>
      <c r="B56" s="90">
        <v>3.1</v>
      </c>
      <c r="C56" s="92" t="s">
        <v>90</v>
      </c>
      <c r="D56" s="93" t="s">
        <v>91</v>
      </c>
      <c r="E56" s="92" t="s">
        <v>40</v>
      </c>
      <c r="F56" s="66"/>
      <c r="G56" s="81"/>
    </row>
    <row r="57" spans="1:7" x14ac:dyDescent="0.35">
      <c r="A57" s="81"/>
      <c r="B57" s="90">
        <v>3.2</v>
      </c>
      <c r="C57" s="92" t="s">
        <v>92</v>
      </c>
      <c r="D57" s="93" t="s">
        <v>171</v>
      </c>
      <c r="E57" s="92" t="s">
        <v>86</v>
      </c>
      <c r="F57" s="66"/>
      <c r="G57" s="81"/>
    </row>
    <row r="58" spans="1:7" x14ac:dyDescent="0.35">
      <c r="A58" s="81"/>
      <c r="B58" s="90">
        <v>3.3</v>
      </c>
      <c r="C58" s="92" t="s">
        <v>93</v>
      </c>
      <c r="D58" s="93" t="s">
        <v>94</v>
      </c>
      <c r="E58" s="92" t="s">
        <v>40</v>
      </c>
      <c r="F58" s="66"/>
      <c r="G58" s="81"/>
    </row>
    <row r="59" spans="1:7" x14ac:dyDescent="0.35">
      <c r="A59" s="81"/>
      <c r="B59" s="90">
        <v>3.4</v>
      </c>
      <c r="C59" s="92" t="s">
        <v>95</v>
      </c>
      <c r="D59" s="93" t="s">
        <v>96</v>
      </c>
      <c r="E59" s="92" t="s">
        <v>47</v>
      </c>
      <c r="F59" s="66"/>
      <c r="G59" s="81"/>
    </row>
    <row r="60" spans="1:7" x14ac:dyDescent="0.35">
      <c r="A60" s="81"/>
      <c r="B60" s="90">
        <v>3.5</v>
      </c>
      <c r="C60" s="92" t="s">
        <v>97</v>
      </c>
      <c r="D60" s="93" t="s">
        <v>98</v>
      </c>
      <c r="E60" s="92" t="s">
        <v>40</v>
      </c>
      <c r="F60" s="66"/>
      <c r="G60" s="81"/>
    </row>
    <row r="61" spans="1:7" x14ac:dyDescent="0.35">
      <c r="A61" s="81"/>
      <c r="B61" s="90">
        <v>3.6</v>
      </c>
      <c r="C61" s="92" t="s">
        <v>99</v>
      </c>
      <c r="D61" s="93" t="s">
        <v>100</v>
      </c>
      <c r="E61" s="92" t="s">
        <v>40</v>
      </c>
      <c r="F61" s="66"/>
      <c r="G61" s="81"/>
    </row>
    <row r="62" spans="1:7" x14ac:dyDescent="0.35">
      <c r="A62" s="81"/>
      <c r="B62" s="90">
        <v>3.7</v>
      </c>
      <c r="C62" s="92" t="s">
        <v>101</v>
      </c>
      <c r="D62" s="93" t="s">
        <v>102</v>
      </c>
      <c r="E62" s="92" t="s">
        <v>40</v>
      </c>
      <c r="F62" s="66"/>
      <c r="G62" s="81"/>
    </row>
    <row r="63" spans="1:7" x14ac:dyDescent="0.35">
      <c r="A63" s="81"/>
      <c r="B63" s="90">
        <v>3.8</v>
      </c>
      <c r="C63" s="92" t="s">
        <v>103</v>
      </c>
      <c r="D63" s="93" t="s">
        <v>104</v>
      </c>
      <c r="E63" s="92" t="s">
        <v>40</v>
      </c>
      <c r="F63" s="66"/>
      <c r="G63" s="81"/>
    </row>
    <row r="64" spans="1:7" ht="16.7" thickBot="1" x14ac:dyDescent="0.4">
      <c r="A64" s="81"/>
      <c r="B64" s="90"/>
      <c r="C64" s="92"/>
      <c r="D64" s="93"/>
      <c r="E64" s="92"/>
      <c r="F64" s="65"/>
      <c r="G64" s="81"/>
    </row>
    <row r="65" spans="1:7" ht="16.7" thickBot="1" x14ac:dyDescent="0.4">
      <c r="A65" s="81"/>
      <c r="B65" s="90">
        <v>4</v>
      </c>
      <c r="C65" s="140" t="s">
        <v>105</v>
      </c>
      <c r="D65" s="141"/>
      <c r="E65" s="142"/>
      <c r="F65" s="65"/>
      <c r="G65" s="81"/>
    </row>
    <row r="66" spans="1:7" x14ac:dyDescent="0.35">
      <c r="A66" s="81"/>
      <c r="B66" s="90">
        <v>4.0999999999999996</v>
      </c>
      <c r="C66" s="92" t="s">
        <v>106</v>
      </c>
      <c r="D66" s="93" t="s">
        <v>107</v>
      </c>
      <c r="E66" s="92" t="s">
        <v>40</v>
      </c>
      <c r="F66" s="66"/>
      <c r="G66" s="81"/>
    </row>
    <row r="67" spans="1:7" x14ac:dyDescent="0.35">
      <c r="A67" s="81"/>
      <c r="B67" s="90">
        <v>4.2</v>
      </c>
      <c r="C67" s="92" t="s">
        <v>108</v>
      </c>
      <c r="D67" s="93" t="s">
        <v>109</v>
      </c>
      <c r="E67" s="92" t="s">
        <v>40</v>
      </c>
      <c r="F67" s="66"/>
      <c r="G67" s="81"/>
    </row>
    <row r="68" spans="1:7" x14ac:dyDescent="0.35">
      <c r="A68" s="81"/>
      <c r="B68" s="90">
        <v>4.3</v>
      </c>
      <c r="C68" s="92" t="s">
        <v>110</v>
      </c>
      <c r="D68" s="93" t="s">
        <v>111</v>
      </c>
      <c r="E68" s="92" t="s">
        <v>40</v>
      </c>
      <c r="F68" s="66"/>
      <c r="G68" s="81"/>
    </row>
    <row r="69" spans="1:7" x14ac:dyDescent="0.35">
      <c r="A69" s="81"/>
      <c r="B69" s="90">
        <v>4.4000000000000004</v>
      </c>
      <c r="C69" s="92" t="s">
        <v>112</v>
      </c>
      <c r="D69" s="93" t="s">
        <v>113</v>
      </c>
      <c r="E69" s="92" t="s">
        <v>40</v>
      </c>
      <c r="F69" s="66"/>
      <c r="G69" s="81"/>
    </row>
    <row r="70" spans="1:7" x14ac:dyDescent="0.35">
      <c r="A70" s="81"/>
      <c r="B70" s="90">
        <v>4.5</v>
      </c>
      <c r="C70" s="92" t="s">
        <v>114</v>
      </c>
      <c r="D70" s="93" t="s">
        <v>115</v>
      </c>
      <c r="E70" s="92" t="s">
        <v>40</v>
      </c>
      <c r="F70" s="66"/>
      <c r="G70" s="81"/>
    </row>
    <row r="71" spans="1:7" x14ac:dyDescent="0.35">
      <c r="A71" s="81"/>
      <c r="B71" s="90">
        <v>4.5999999999999996</v>
      </c>
      <c r="C71" s="92" t="s">
        <v>116</v>
      </c>
      <c r="D71" s="93" t="s">
        <v>117</v>
      </c>
      <c r="E71" s="92" t="s">
        <v>40</v>
      </c>
      <c r="F71" s="67"/>
      <c r="G71" s="81"/>
    </row>
    <row r="72" spans="1:7" x14ac:dyDescent="0.35">
      <c r="A72" s="81"/>
      <c r="B72" s="90">
        <v>4.7</v>
      </c>
      <c r="C72" s="92" t="s">
        <v>118</v>
      </c>
      <c r="D72" s="93" t="s">
        <v>119</v>
      </c>
      <c r="E72" s="92" t="s">
        <v>40</v>
      </c>
      <c r="F72" s="67"/>
      <c r="G72" s="81"/>
    </row>
    <row r="73" spans="1:7" x14ac:dyDescent="0.35">
      <c r="A73" s="81"/>
      <c r="B73" s="90">
        <v>4.8</v>
      </c>
      <c r="C73" s="92" t="s">
        <v>120</v>
      </c>
      <c r="D73" s="93" t="s">
        <v>121</v>
      </c>
      <c r="E73" s="92" t="s">
        <v>40</v>
      </c>
      <c r="F73" s="67"/>
      <c r="G73" s="81"/>
    </row>
    <row r="74" spans="1:7" x14ac:dyDescent="0.35">
      <c r="A74" s="81"/>
      <c r="B74" s="90">
        <v>4.9000000000000004</v>
      </c>
      <c r="C74" s="92" t="s">
        <v>120</v>
      </c>
      <c r="D74" s="93" t="s">
        <v>122</v>
      </c>
      <c r="E74" s="92" t="s">
        <v>40</v>
      </c>
      <c r="F74" s="67"/>
      <c r="G74" s="81"/>
    </row>
    <row r="75" spans="1:7" x14ac:dyDescent="0.35">
      <c r="A75" s="81"/>
      <c r="B75" s="94">
        <v>4.0999999999999996</v>
      </c>
      <c r="C75" s="92" t="s">
        <v>123</v>
      </c>
      <c r="D75" s="93" t="s">
        <v>124</v>
      </c>
      <c r="E75" s="92" t="s">
        <v>40</v>
      </c>
      <c r="F75" s="67"/>
      <c r="G75" s="81"/>
    </row>
    <row r="76" spans="1:7" x14ac:dyDescent="0.35">
      <c r="A76" s="81"/>
      <c r="B76" s="90">
        <v>4.1100000000000003</v>
      </c>
      <c r="C76" s="92" t="s">
        <v>125</v>
      </c>
      <c r="D76" s="93" t="s">
        <v>126</v>
      </c>
      <c r="E76" s="92" t="s">
        <v>40</v>
      </c>
      <c r="F76" s="67"/>
      <c r="G76" s="81"/>
    </row>
    <row r="77" spans="1:7" x14ac:dyDescent="0.35">
      <c r="A77" s="81"/>
      <c r="B77" s="90">
        <v>4.12</v>
      </c>
      <c r="C77" s="92" t="s">
        <v>127</v>
      </c>
      <c r="D77" s="93" t="s">
        <v>128</v>
      </c>
      <c r="E77" s="92" t="s">
        <v>40</v>
      </c>
      <c r="F77" s="67"/>
      <c r="G77" s="81"/>
    </row>
    <row r="78" spans="1:7" x14ac:dyDescent="0.35">
      <c r="A78" s="81"/>
      <c r="B78" s="90">
        <v>4.13</v>
      </c>
      <c r="C78" s="92" t="s">
        <v>129</v>
      </c>
      <c r="D78" s="93" t="s">
        <v>130</v>
      </c>
      <c r="E78" s="92" t="s">
        <v>40</v>
      </c>
      <c r="F78" s="67"/>
      <c r="G78" s="81"/>
    </row>
    <row r="79" spans="1:7" x14ac:dyDescent="0.35">
      <c r="A79" s="81"/>
      <c r="B79" s="90">
        <v>4.1399999999999997</v>
      </c>
      <c r="C79" s="92" t="s">
        <v>351</v>
      </c>
      <c r="D79" s="93" t="s">
        <v>131</v>
      </c>
      <c r="E79" s="92" t="s">
        <v>56</v>
      </c>
      <c r="F79" s="67"/>
      <c r="G79" s="81"/>
    </row>
    <row r="80" spans="1:7" x14ac:dyDescent="0.35">
      <c r="A80" s="81"/>
      <c r="B80" s="90">
        <v>4.1500000000000004</v>
      </c>
      <c r="C80" s="92" t="s">
        <v>132</v>
      </c>
      <c r="D80" s="93" t="s">
        <v>133</v>
      </c>
      <c r="E80" s="92" t="s">
        <v>40</v>
      </c>
      <c r="F80" s="67"/>
      <c r="G80" s="81"/>
    </row>
    <row r="81" spans="1:7" x14ac:dyDescent="0.35">
      <c r="A81" s="81"/>
      <c r="B81" s="90">
        <v>4.16</v>
      </c>
      <c r="C81" s="92" t="s">
        <v>132</v>
      </c>
      <c r="D81" s="93" t="s">
        <v>134</v>
      </c>
      <c r="E81" s="92" t="s">
        <v>40</v>
      </c>
      <c r="F81" s="67"/>
      <c r="G81" s="81"/>
    </row>
    <row r="82" spans="1:7" x14ac:dyDescent="0.35">
      <c r="A82" s="81"/>
      <c r="B82" s="90">
        <v>4.17</v>
      </c>
      <c r="C82" s="92" t="s">
        <v>135</v>
      </c>
      <c r="D82" s="93" t="s">
        <v>136</v>
      </c>
      <c r="E82" s="92" t="s">
        <v>40</v>
      </c>
      <c r="F82" s="67"/>
      <c r="G82" s="81"/>
    </row>
    <row r="83" spans="1:7" x14ac:dyDescent="0.35">
      <c r="A83" s="81"/>
      <c r="B83" s="90">
        <v>4.18</v>
      </c>
      <c r="C83" s="92" t="s">
        <v>135</v>
      </c>
      <c r="D83" s="93" t="s">
        <v>137</v>
      </c>
      <c r="E83" s="92" t="s">
        <v>40</v>
      </c>
      <c r="F83" s="67"/>
      <c r="G83" s="81"/>
    </row>
    <row r="84" spans="1:7" x14ac:dyDescent="0.35">
      <c r="A84" s="81"/>
      <c r="B84" s="90">
        <v>4.1900000000000004</v>
      </c>
      <c r="C84" s="92" t="s">
        <v>138</v>
      </c>
      <c r="D84" s="93" t="s">
        <v>139</v>
      </c>
      <c r="E84" s="92" t="s">
        <v>40</v>
      </c>
      <c r="F84" s="67"/>
      <c r="G84" s="81"/>
    </row>
    <row r="85" spans="1:7" x14ac:dyDescent="0.35">
      <c r="A85" s="81"/>
      <c r="B85" s="94">
        <v>4.2</v>
      </c>
      <c r="C85" s="92" t="s">
        <v>140</v>
      </c>
      <c r="D85" s="93" t="s">
        <v>141</v>
      </c>
      <c r="E85" s="92" t="s">
        <v>40</v>
      </c>
      <c r="F85" s="67"/>
      <c r="G85" s="81"/>
    </row>
    <row r="86" spans="1:7" x14ac:dyDescent="0.35">
      <c r="A86" s="81"/>
      <c r="B86" s="90">
        <v>4.21</v>
      </c>
      <c r="C86" s="92" t="s">
        <v>142</v>
      </c>
      <c r="D86" s="93" t="s">
        <v>143</v>
      </c>
      <c r="E86" s="92" t="s">
        <v>40</v>
      </c>
      <c r="F86" s="67"/>
      <c r="G86" s="81"/>
    </row>
    <row r="87" spans="1:7" x14ac:dyDescent="0.35">
      <c r="A87" s="81"/>
      <c r="B87" s="90">
        <v>4.22</v>
      </c>
      <c r="C87" s="92" t="s">
        <v>144</v>
      </c>
      <c r="D87" s="93" t="s">
        <v>145</v>
      </c>
      <c r="E87" s="92" t="s">
        <v>56</v>
      </c>
      <c r="F87" s="67"/>
      <c r="G87" s="81"/>
    </row>
    <row r="88" spans="1:7" x14ac:dyDescent="0.35">
      <c r="A88" s="81"/>
      <c r="B88" s="90">
        <v>4.2300000000000004</v>
      </c>
      <c r="C88" s="92" t="s">
        <v>146</v>
      </c>
      <c r="D88" s="93" t="s">
        <v>147</v>
      </c>
      <c r="E88" s="92" t="s">
        <v>56</v>
      </c>
      <c r="F88" s="67"/>
      <c r="G88" s="81"/>
    </row>
    <row r="89" spans="1:7" x14ac:dyDescent="0.35">
      <c r="A89" s="81"/>
      <c r="B89" s="90">
        <v>4.24</v>
      </c>
      <c r="C89" s="92" t="s">
        <v>146</v>
      </c>
      <c r="D89" s="93" t="s">
        <v>148</v>
      </c>
      <c r="E89" s="92" t="s">
        <v>56</v>
      </c>
      <c r="F89" s="67"/>
      <c r="G89" s="81"/>
    </row>
    <row r="90" spans="1:7" x14ac:dyDescent="0.35">
      <c r="A90" s="81"/>
      <c r="B90" s="90">
        <v>4.25</v>
      </c>
      <c r="C90" s="92" t="s">
        <v>146</v>
      </c>
      <c r="D90" s="93" t="s">
        <v>149</v>
      </c>
      <c r="E90" s="92" t="s">
        <v>56</v>
      </c>
      <c r="F90" s="67"/>
      <c r="G90" s="81"/>
    </row>
    <row r="91" spans="1:7" x14ac:dyDescent="0.35">
      <c r="A91" s="81"/>
      <c r="B91" s="90">
        <v>4.26</v>
      </c>
      <c r="C91" s="92" t="s">
        <v>150</v>
      </c>
      <c r="D91" s="93" t="s">
        <v>151</v>
      </c>
      <c r="E91" s="92" t="s">
        <v>56</v>
      </c>
      <c r="F91" s="67"/>
      <c r="G91" s="81"/>
    </row>
    <row r="92" spans="1:7" x14ac:dyDescent="0.35">
      <c r="A92" s="81"/>
      <c r="B92" s="90">
        <v>4.3</v>
      </c>
      <c r="C92" s="92" t="s">
        <v>152</v>
      </c>
      <c r="D92" s="93" t="s">
        <v>153</v>
      </c>
      <c r="E92" s="92" t="s">
        <v>56</v>
      </c>
      <c r="F92" s="67"/>
      <c r="G92" s="81"/>
    </row>
    <row r="93" spans="1:7" x14ac:dyDescent="0.35">
      <c r="A93" s="81"/>
      <c r="B93" s="90">
        <v>4.3099999999999996</v>
      </c>
      <c r="C93" s="92" t="s">
        <v>154</v>
      </c>
      <c r="D93" s="93" t="s">
        <v>154</v>
      </c>
      <c r="E93" s="92" t="s">
        <v>40</v>
      </c>
      <c r="F93" s="67"/>
      <c r="G93" s="81"/>
    </row>
    <row r="94" spans="1:7" x14ac:dyDescent="0.35">
      <c r="A94" s="81"/>
      <c r="B94" s="90">
        <v>4.32</v>
      </c>
      <c r="C94" s="92" t="s">
        <v>84</v>
      </c>
      <c r="D94" s="93" t="s">
        <v>155</v>
      </c>
      <c r="E94" s="92" t="s">
        <v>40</v>
      </c>
      <c r="F94" s="67"/>
      <c r="G94" s="81"/>
    </row>
    <row r="95" spans="1:7" x14ac:dyDescent="0.35">
      <c r="A95" s="81"/>
      <c r="B95" s="90">
        <v>4.33</v>
      </c>
      <c r="C95" s="92" t="s">
        <v>156</v>
      </c>
      <c r="D95" s="93" t="s">
        <v>157</v>
      </c>
      <c r="E95" s="92" t="s">
        <v>40</v>
      </c>
      <c r="F95" s="67"/>
      <c r="G95" s="81"/>
    </row>
    <row r="96" spans="1:7" x14ac:dyDescent="0.35">
      <c r="A96" s="81"/>
      <c r="B96" s="90">
        <v>4.34</v>
      </c>
      <c r="C96" s="92" t="s">
        <v>158</v>
      </c>
      <c r="D96" s="93" t="s">
        <v>158</v>
      </c>
      <c r="E96" s="92" t="s">
        <v>40</v>
      </c>
      <c r="F96" s="67"/>
      <c r="G96" s="81"/>
    </row>
    <row r="97" spans="1:7" x14ac:dyDescent="0.35">
      <c r="A97" s="81"/>
      <c r="B97" s="90">
        <v>4.3499999999999996</v>
      </c>
      <c r="C97" s="92" t="s">
        <v>159</v>
      </c>
      <c r="D97" s="93" t="s">
        <v>160</v>
      </c>
      <c r="E97" s="92" t="s">
        <v>56</v>
      </c>
      <c r="F97" s="67"/>
      <c r="G97" s="81"/>
    </row>
    <row r="98" spans="1:7" x14ac:dyDescent="0.35">
      <c r="A98" s="81"/>
      <c r="B98" s="90">
        <v>4.3600000000000003</v>
      </c>
      <c r="C98" s="92" t="s">
        <v>161</v>
      </c>
      <c r="D98" s="93" t="s">
        <v>162</v>
      </c>
      <c r="E98" s="92" t="s">
        <v>40</v>
      </c>
      <c r="F98" s="67"/>
      <c r="G98" s="81"/>
    </row>
    <row r="99" spans="1:7" x14ac:dyDescent="0.35">
      <c r="A99" s="81"/>
      <c r="B99" s="90">
        <v>4.37</v>
      </c>
      <c r="C99" s="92" t="s">
        <v>161</v>
      </c>
      <c r="D99" s="93" t="s">
        <v>163</v>
      </c>
      <c r="E99" s="92" t="s">
        <v>40</v>
      </c>
      <c r="F99" s="67"/>
      <c r="G99" s="81"/>
    </row>
    <row r="100" spans="1:7" ht="16.7" thickBot="1" x14ac:dyDescent="0.4">
      <c r="A100" s="81"/>
      <c r="B100" s="96"/>
      <c r="C100" s="97"/>
      <c r="D100" s="98"/>
      <c r="E100" s="98"/>
      <c r="F100" s="68"/>
      <c r="G100" s="81"/>
    </row>
    <row r="101" spans="1:7" x14ac:dyDescent="0.35">
      <c r="A101" s="81"/>
      <c r="B101" s="81"/>
      <c r="C101" s="81"/>
      <c r="D101" s="81"/>
      <c r="E101" s="81"/>
      <c r="F101" s="81"/>
      <c r="G101" s="81"/>
    </row>
    <row r="102" spans="1:7" ht="16.7" thickBot="1" x14ac:dyDescent="0.4">
      <c r="A102" s="81"/>
      <c r="B102" s="81"/>
      <c r="C102" s="81"/>
      <c r="D102" s="81"/>
      <c r="E102" s="81"/>
      <c r="F102" s="81"/>
      <c r="G102" s="81"/>
    </row>
    <row r="103" spans="1:7" ht="16.7" thickBot="1" x14ac:dyDescent="0.4">
      <c r="A103" s="81"/>
      <c r="B103" s="143" t="s">
        <v>173</v>
      </c>
      <c r="C103" s="144"/>
      <c r="D103" s="144"/>
      <c r="E103" s="145"/>
      <c r="F103" s="81"/>
      <c r="G103" s="81"/>
    </row>
    <row r="104" spans="1:7" x14ac:dyDescent="0.35">
      <c r="A104" s="81"/>
      <c r="B104" s="146" t="s">
        <v>13</v>
      </c>
      <c r="C104" s="147"/>
      <c r="D104" s="100" t="s">
        <v>14</v>
      </c>
      <c r="E104" s="100" t="s">
        <v>15</v>
      </c>
      <c r="F104" s="81"/>
      <c r="G104" s="81"/>
    </row>
    <row r="105" spans="1:7" x14ac:dyDescent="0.35">
      <c r="A105" s="81"/>
      <c r="B105" s="200" t="s">
        <v>18</v>
      </c>
      <c r="C105" s="201"/>
      <c r="D105" s="110" t="s">
        <v>18</v>
      </c>
      <c r="E105" s="69"/>
      <c r="F105" s="81"/>
      <c r="G105" s="81"/>
    </row>
    <row r="106" spans="1:7" x14ac:dyDescent="0.35">
      <c r="A106" s="81"/>
      <c r="B106" s="200" t="s">
        <v>19</v>
      </c>
      <c r="C106" s="201"/>
      <c r="D106" s="110" t="s">
        <v>19</v>
      </c>
      <c r="E106" s="69"/>
      <c r="F106" s="81"/>
      <c r="G106" s="81"/>
    </row>
    <row r="107" spans="1:7" x14ac:dyDescent="0.35">
      <c r="A107" s="81"/>
      <c r="B107" s="200" t="s">
        <v>20</v>
      </c>
      <c r="C107" s="201"/>
      <c r="D107" s="110" t="s">
        <v>20</v>
      </c>
      <c r="E107" s="69"/>
      <c r="F107" s="81"/>
      <c r="G107" s="81"/>
    </row>
    <row r="108" spans="1:7" x14ac:dyDescent="0.35">
      <c r="A108" s="81"/>
      <c r="B108" s="200" t="s">
        <v>21</v>
      </c>
      <c r="C108" s="201"/>
      <c r="D108" s="110" t="s">
        <v>21</v>
      </c>
      <c r="E108" s="69"/>
      <c r="F108" s="81"/>
      <c r="G108" s="81"/>
    </row>
    <row r="109" spans="1:7" x14ac:dyDescent="0.35">
      <c r="A109" s="81"/>
      <c r="B109" s="200" t="s">
        <v>22</v>
      </c>
      <c r="C109" s="201"/>
      <c r="D109" s="110" t="s">
        <v>22</v>
      </c>
      <c r="E109" s="69"/>
      <c r="F109" s="81"/>
      <c r="G109" s="81"/>
    </row>
    <row r="110" spans="1:7" ht="16.7" thickBot="1" x14ac:dyDescent="0.4">
      <c r="A110" s="81"/>
      <c r="B110" s="205" t="s">
        <v>23</v>
      </c>
      <c r="C110" s="206"/>
      <c r="D110" s="101" t="s">
        <v>23</v>
      </c>
      <c r="E110" s="70"/>
      <c r="F110" s="81"/>
      <c r="G110" s="81"/>
    </row>
    <row r="111" spans="1:7" x14ac:dyDescent="0.35">
      <c r="A111" s="81"/>
      <c r="B111" s="102"/>
      <c r="C111" s="103"/>
      <c r="D111" s="81"/>
      <c r="E111" s="81"/>
      <c r="F111" s="81"/>
      <c r="G111" s="81"/>
    </row>
    <row r="112" spans="1:7" x14ac:dyDescent="0.35">
      <c r="A112" s="81"/>
      <c r="B112" s="81"/>
      <c r="C112" s="81"/>
      <c r="D112" s="81"/>
      <c r="E112" s="81"/>
      <c r="F112" s="81"/>
      <c r="G112" s="81"/>
    </row>
    <row r="113" spans="1:7" ht="16.7" thickBot="1" x14ac:dyDescent="0.4">
      <c r="A113" s="81"/>
      <c r="B113" s="138" t="s">
        <v>24</v>
      </c>
      <c r="C113" s="139"/>
      <c r="D113" s="139"/>
      <c r="E113" s="81"/>
      <c r="F113" s="81"/>
      <c r="G113" s="81"/>
    </row>
    <row r="114" spans="1:7" ht="16.7" thickBot="1" x14ac:dyDescent="0.4">
      <c r="A114" s="81"/>
      <c r="B114" s="146" t="s">
        <v>25</v>
      </c>
      <c r="C114" s="147"/>
      <c r="D114" s="104" t="s">
        <v>26</v>
      </c>
      <c r="E114" s="81"/>
      <c r="F114" s="81"/>
      <c r="G114" s="81"/>
    </row>
    <row r="115" spans="1:7" ht="16.7" thickBot="1" x14ac:dyDescent="0.4">
      <c r="A115" s="81"/>
      <c r="B115" s="150" t="s">
        <v>27</v>
      </c>
      <c r="C115" s="151"/>
      <c r="D115" s="71"/>
      <c r="E115" s="81"/>
      <c r="F115" s="81"/>
      <c r="G115" s="81"/>
    </row>
    <row r="118" spans="1:7" ht="16.7" thickBot="1" x14ac:dyDescent="0.4">
      <c r="B118" s="72"/>
      <c r="C118" s="72"/>
      <c r="E118" s="136"/>
      <c r="F118" s="136"/>
      <c r="G118" s="136"/>
    </row>
    <row r="119" spans="1:7" x14ac:dyDescent="0.35">
      <c r="B119" s="137" t="s">
        <v>28</v>
      </c>
      <c r="C119" s="137"/>
      <c r="E119" s="152" t="s">
        <v>29</v>
      </c>
      <c r="F119" s="152"/>
      <c r="G119" s="152"/>
    </row>
    <row r="122" spans="1:7" ht="16.7" thickBot="1" x14ac:dyDescent="0.4">
      <c r="B122" s="72"/>
      <c r="C122" s="72"/>
      <c r="E122" s="136"/>
      <c r="F122" s="136"/>
      <c r="G122" s="136"/>
    </row>
    <row r="123" spans="1:7" x14ac:dyDescent="0.35">
      <c r="B123" s="137" t="s">
        <v>30</v>
      </c>
      <c r="C123" s="137"/>
      <c r="E123" s="137" t="s">
        <v>31</v>
      </c>
      <c r="F123" s="137"/>
      <c r="G123" s="137"/>
    </row>
  </sheetData>
  <sheetProtection algorithmName="SHA-512" hashValue="8KEpNOpY4l7oqvikWEVxMEkLYctJVNk/KxniIVh+TGGyffI5mPVPm09qYK7CuOlYnK9wEPhobNgsomKfpPcipA==" saltValue="ZQVU1B+fvu/8QKfQrElSCQ==" spinCount="100000" sheet="1" objects="1" scenarios="1"/>
  <protectedRanges>
    <protectedRange sqref="C8:C9" name="Range1_14_2_1_2_1_2_2_2_2_1_2_1_2_2_3_1_1_1_2_1_1_2_1_1"/>
    <protectedRange sqref="C18 C13 C15:C16" name="Range1_14_2_1_2_1_2_2_2_2_1_2_1_2_2_3_1_1_1_3_1_1_1_2_1"/>
    <protectedRange sqref="C11" name="Range1_14_2_1_2_1_2_2_2_2_1_2_1_2_2_3_1_1_1_3_1_1_1_1_1_1"/>
    <protectedRange sqref="C14" name="Range1_14_2_1_2_1_2_2_2_2_1_2_1_2_2_3_1_1_1_3_1_1_1_2_1_1"/>
  </protectedRanges>
  <mergeCells count="51">
    <mergeCell ref="B7:F7"/>
    <mergeCell ref="B12:F12"/>
    <mergeCell ref="B20:F20"/>
    <mergeCell ref="B21:D21"/>
    <mergeCell ref="B18:F18"/>
    <mergeCell ref="B9:F9"/>
    <mergeCell ref="B11:F11"/>
    <mergeCell ref="B13:F13"/>
    <mergeCell ref="B15:F15"/>
    <mergeCell ref="B16:F16"/>
    <mergeCell ref="B10:F10"/>
    <mergeCell ref="B14:F14"/>
    <mergeCell ref="AJ21:AK21"/>
    <mergeCell ref="AP21:AQ21"/>
    <mergeCell ref="B22:D22"/>
    <mergeCell ref="AD22:AE22"/>
    <mergeCell ref="AJ22:AK22"/>
    <mergeCell ref="AP22:AQ22"/>
    <mergeCell ref="AD21:AE21"/>
    <mergeCell ref="B115:C115"/>
    <mergeCell ref="E122:G122"/>
    <mergeCell ref="B123:C123"/>
    <mergeCell ref="E123:G123"/>
    <mergeCell ref="C26:E26"/>
    <mergeCell ref="C38:E38"/>
    <mergeCell ref="C55:E55"/>
    <mergeCell ref="C65:E65"/>
    <mergeCell ref="B104:C104"/>
    <mergeCell ref="E118:G118"/>
    <mergeCell ref="B119:C119"/>
    <mergeCell ref="E119:G119"/>
    <mergeCell ref="B108:C108"/>
    <mergeCell ref="B109:C109"/>
    <mergeCell ref="B110:C110"/>
    <mergeCell ref="B103:E103"/>
    <mergeCell ref="B114:C114"/>
    <mergeCell ref="B2:C2"/>
    <mergeCell ref="D2:F2"/>
    <mergeCell ref="B3:C3"/>
    <mergeCell ref="D3:F3"/>
    <mergeCell ref="B4:C4"/>
    <mergeCell ref="D4:F4"/>
    <mergeCell ref="B5:C5"/>
    <mergeCell ref="D5:F5"/>
    <mergeCell ref="B24:F24"/>
    <mergeCell ref="B105:C105"/>
    <mergeCell ref="B106:C106"/>
    <mergeCell ref="B107:C107"/>
    <mergeCell ref="B17:F17"/>
    <mergeCell ref="B113:D113"/>
    <mergeCell ref="B8:F8"/>
  </mergeCells>
  <pageMargins left="6.9444444444444441E-3" right="6.9444444444444441E-3" top="6.9444444444444441E-3" bottom="6.9444444444444441E-3" header="0.3" footer="0.3"/>
  <pageSetup paperSize="9" scale="57" orientation="portrait" r:id="rId1"/>
  <rowBreaks count="1" manualBreakCount="1">
    <brk id="64" max="6" man="1"/>
  </rowBreaks>
  <colBreaks count="1" manualBreakCount="1">
    <brk id="7"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F94427-33B2-43A4-B423-631AEC8DB8F4}">
  <dimension ref="A1:AQ122"/>
  <sheetViews>
    <sheetView view="pageBreakPreview" topLeftCell="A5" zoomScale="95" zoomScaleNormal="85" zoomScaleSheetLayoutView="95" workbookViewId="0">
      <selection activeCell="B14" sqref="B14:F14"/>
    </sheetView>
  </sheetViews>
  <sheetFormatPr defaultRowHeight="14.4" x14ac:dyDescent="0.3"/>
  <cols>
    <col min="1" max="1" width="4" customWidth="1"/>
    <col min="2" max="2" width="10.69921875" customWidth="1"/>
    <col min="3" max="3" width="33.296875" customWidth="1"/>
    <col min="4" max="4" width="73.296875" customWidth="1"/>
    <col min="5" max="6" width="24" customWidth="1"/>
    <col min="7" max="7" width="6.69921875" customWidth="1"/>
    <col min="8" max="8" width="27.8984375" customWidth="1"/>
  </cols>
  <sheetData>
    <row r="1" spans="1:8" s="2" customFormat="1" ht="15" thickBot="1" x14ac:dyDescent="0.35">
      <c r="A1" s="1"/>
      <c r="B1" s="127"/>
      <c r="C1" s="127"/>
      <c r="D1" s="127"/>
      <c r="E1" s="128"/>
      <c r="F1" s="129"/>
    </row>
    <row r="2" spans="1:8" s="3" customFormat="1" ht="16.149999999999999" x14ac:dyDescent="0.35">
      <c r="B2" s="287" t="s">
        <v>0</v>
      </c>
      <c r="C2" s="288" t="s">
        <v>164</v>
      </c>
      <c r="D2" s="289" t="s">
        <v>327</v>
      </c>
      <c r="E2" s="290"/>
      <c r="F2" s="291"/>
      <c r="G2" s="7"/>
    </row>
    <row r="3" spans="1:8" s="3" customFormat="1" ht="16.149999999999999" x14ac:dyDescent="0.35">
      <c r="B3" s="292" t="s">
        <v>1</v>
      </c>
      <c r="C3" s="293" t="s">
        <v>168</v>
      </c>
      <c r="D3" s="294" t="s">
        <v>330</v>
      </c>
      <c r="E3" s="295"/>
      <c r="F3" s="296"/>
      <c r="G3" s="7"/>
    </row>
    <row r="4" spans="1:8" s="3" customFormat="1" ht="16.149999999999999" x14ac:dyDescent="0.35">
      <c r="B4" s="292" t="s">
        <v>2</v>
      </c>
      <c r="C4" s="293" t="s">
        <v>316</v>
      </c>
      <c r="D4" s="306" t="s">
        <v>341</v>
      </c>
      <c r="E4" s="307"/>
      <c r="F4" s="308"/>
      <c r="G4" s="7"/>
    </row>
    <row r="5" spans="1:8" s="3" customFormat="1" ht="16.7" thickBot="1" x14ac:dyDescent="0.4">
      <c r="B5" s="309" t="s">
        <v>3</v>
      </c>
      <c r="C5" s="310"/>
      <c r="D5" s="311"/>
      <c r="E5" s="312"/>
      <c r="F5" s="313"/>
      <c r="G5" s="7"/>
    </row>
    <row r="6" spans="1:8" s="3" customFormat="1" ht="16.7" thickBot="1" x14ac:dyDescent="0.4">
      <c r="B6" s="26"/>
      <c r="C6" s="26"/>
      <c r="D6" s="26"/>
      <c r="E6" s="26"/>
      <c r="F6" s="26"/>
      <c r="G6" s="7"/>
    </row>
    <row r="7" spans="1:8" s="3" customFormat="1" ht="16.149999999999999" x14ac:dyDescent="0.35">
      <c r="B7" s="297" t="s">
        <v>4</v>
      </c>
      <c r="C7" s="298"/>
      <c r="D7" s="298"/>
      <c r="E7" s="298"/>
      <c r="F7" s="299"/>
      <c r="G7" s="7"/>
    </row>
    <row r="8" spans="1:8" s="4" customFormat="1" ht="16.600000000000001" customHeight="1" x14ac:dyDescent="0.35">
      <c r="B8" s="300" t="s">
        <v>328</v>
      </c>
      <c r="C8" s="301"/>
      <c r="D8" s="301"/>
      <c r="E8" s="301"/>
      <c r="F8" s="302"/>
      <c r="G8" s="16"/>
      <c r="H8" s="5"/>
    </row>
    <row r="9" spans="1:8" s="4" customFormat="1" ht="34.6" customHeight="1" x14ac:dyDescent="0.35">
      <c r="B9" s="303" t="s">
        <v>5</v>
      </c>
      <c r="C9" s="304"/>
      <c r="D9" s="304"/>
      <c r="E9" s="304"/>
      <c r="F9" s="305"/>
      <c r="G9" s="16"/>
      <c r="H9" s="5"/>
    </row>
    <row r="10" spans="1:8" s="3" customFormat="1" ht="16.149999999999999" x14ac:dyDescent="0.35">
      <c r="B10" s="303" t="s">
        <v>344</v>
      </c>
      <c r="C10" s="304"/>
      <c r="D10" s="304"/>
      <c r="E10" s="304"/>
      <c r="F10" s="305"/>
      <c r="G10" s="7"/>
    </row>
    <row r="11" spans="1:8" s="4" customFormat="1" ht="34.6" customHeight="1" x14ac:dyDescent="0.35">
      <c r="B11" s="303" t="s">
        <v>165</v>
      </c>
      <c r="C11" s="304"/>
      <c r="D11" s="304"/>
      <c r="E11" s="304"/>
      <c r="F11" s="305"/>
      <c r="G11" s="16"/>
      <c r="H11" s="5"/>
    </row>
    <row r="12" spans="1:8" s="3" customFormat="1" ht="57.75" customHeight="1" x14ac:dyDescent="0.35">
      <c r="B12" s="303" t="s">
        <v>166</v>
      </c>
      <c r="C12" s="304"/>
      <c r="D12" s="304"/>
      <c r="E12" s="304"/>
      <c r="F12" s="305"/>
      <c r="G12" s="7"/>
    </row>
    <row r="13" spans="1:8" s="4" customFormat="1" ht="24.05" customHeight="1" x14ac:dyDescent="0.35">
      <c r="B13" s="303" t="s">
        <v>167</v>
      </c>
      <c r="C13" s="304"/>
      <c r="D13" s="304"/>
      <c r="E13" s="304"/>
      <c r="F13" s="305"/>
      <c r="G13" s="16"/>
      <c r="H13" s="5"/>
    </row>
    <row r="14" spans="1:8" s="52" customFormat="1" ht="16.149999999999999" x14ac:dyDescent="0.35">
      <c r="A14" s="81"/>
      <c r="B14" s="153" t="s">
        <v>354</v>
      </c>
      <c r="C14" s="154"/>
      <c r="D14" s="154"/>
      <c r="E14" s="154"/>
      <c r="F14" s="155"/>
      <c r="G14" s="81"/>
      <c r="H14" s="54"/>
    </row>
    <row r="15" spans="1:8" s="52" customFormat="1" ht="16.149999999999999" x14ac:dyDescent="0.35">
      <c r="A15" s="81"/>
      <c r="B15" s="188" t="s">
        <v>352</v>
      </c>
      <c r="C15" s="189"/>
      <c r="D15" s="189"/>
      <c r="E15" s="189"/>
      <c r="F15" s="190"/>
      <c r="G15" s="81"/>
      <c r="H15" s="54"/>
    </row>
    <row r="16" spans="1:8" s="52" customFormat="1" ht="33" customHeight="1" x14ac:dyDescent="0.35">
      <c r="A16" s="81"/>
      <c r="B16" s="164" t="s">
        <v>346</v>
      </c>
      <c r="C16" s="165"/>
      <c r="D16" s="165"/>
      <c r="E16" s="165"/>
      <c r="F16" s="166"/>
      <c r="G16" s="81"/>
      <c r="H16" s="54"/>
    </row>
    <row r="17" spans="1:43" s="52" customFormat="1" ht="16.149999999999999" x14ac:dyDescent="0.35">
      <c r="A17" s="81"/>
      <c r="B17" s="153" t="s">
        <v>347</v>
      </c>
      <c r="C17" s="154"/>
      <c r="D17" s="154"/>
      <c r="E17" s="154"/>
      <c r="F17" s="155"/>
      <c r="G17" s="81"/>
      <c r="H17" s="54"/>
    </row>
    <row r="18" spans="1:43" s="52" customFormat="1" ht="18" customHeight="1" thickBot="1" x14ac:dyDescent="0.4">
      <c r="A18" s="81"/>
      <c r="B18" s="167" t="s">
        <v>348</v>
      </c>
      <c r="C18" s="168"/>
      <c r="D18" s="168"/>
      <c r="E18" s="168"/>
      <c r="F18" s="169"/>
      <c r="G18" s="81"/>
      <c r="H18" s="54"/>
    </row>
    <row r="19" spans="1:43" s="52" customFormat="1" ht="18" customHeight="1" x14ac:dyDescent="0.35">
      <c r="A19" s="81"/>
      <c r="B19" s="134"/>
      <c r="C19" s="82"/>
      <c r="D19" s="82"/>
      <c r="E19" s="82"/>
      <c r="F19" s="135"/>
      <c r="G19" s="81"/>
      <c r="H19" s="54"/>
    </row>
    <row r="20" spans="1:43" s="52" customFormat="1" ht="18" customHeight="1" thickBot="1" x14ac:dyDescent="0.4">
      <c r="A20" s="81"/>
      <c r="B20" s="134"/>
      <c r="C20" s="82"/>
      <c r="D20" s="82"/>
      <c r="E20" s="82"/>
      <c r="F20" s="135"/>
      <c r="G20" s="81"/>
      <c r="H20" s="54"/>
    </row>
    <row r="21" spans="1:43" s="7" customFormat="1" ht="16.149999999999999" x14ac:dyDescent="0.35">
      <c r="B21" s="281" t="s">
        <v>6</v>
      </c>
      <c r="C21" s="282"/>
      <c r="D21" s="282"/>
      <c r="E21" s="282"/>
      <c r="F21" s="283"/>
      <c r="G21" s="6"/>
      <c r="H21" s="6"/>
      <c r="I21" s="6"/>
    </row>
    <row r="22" spans="1:43" s="7" customFormat="1" ht="16.149999999999999" x14ac:dyDescent="0.35">
      <c r="B22" s="284" t="s">
        <v>7</v>
      </c>
      <c r="C22" s="285"/>
      <c r="D22" s="286"/>
      <c r="E22" s="27" t="s">
        <v>8</v>
      </c>
      <c r="F22" s="28" t="s">
        <v>9</v>
      </c>
      <c r="G22" s="6"/>
      <c r="H22" s="6"/>
      <c r="I22" s="6"/>
      <c r="J22" s="6"/>
      <c r="K22" s="6"/>
      <c r="L22" s="6"/>
      <c r="M22" s="6"/>
      <c r="N22" s="6"/>
      <c r="O22" s="6"/>
      <c r="P22" s="6"/>
      <c r="Q22" s="6"/>
      <c r="R22" s="6"/>
      <c r="S22" s="8"/>
      <c r="T22" s="6"/>
      <c r="U22" s="6"/>
      <c r="V22" s="6"/>
      <c r="W22" s="6"/>
      <c r="X22" s="8"/>
      <c r="Y22" s="8"/>
      <c r="Z22" s="6"/>
      <c r="AA22" s="6"/>
      <c r="AB22" s="6"/>
      <c r="AC22" s="6"/>
      <c r="AD22" s="273"/>
      <c r="AE22" s="273"/>
      <c r="AF22" s="6"/>
      <c r="AG22" s="6"/>
      <c r="AH22" s="6"/>
      <c r="AI22" s="6"/>
      <c r="AJ22" s="273"/>
      <c r="AK22" s="273"/>
      <c r="AL22" s="6"/>
      <c r="AM22" s="6"/>
      <c r="AN22" s="6"/>
      <c r="AO22" s="6"/>
      <c r="AP22" s="273"/>
      <c r="AQ22" s="273"/>
    </row>
    <row r="23" spans="1:43" s="7" customFormat="1" ht="16.7" thickBot="1" x14ac:dyDescent="0.4">
      <c r="B23" s="274" t="s">
        <v>10</v>
      </c>
      <c r="C23" s="275"/>
      <c r="D23" s="276"/>
      <c r="E23" s="9"/>
      <c r="F23" s="10"/>
      <c r="G23" s="6"/>
      <c r="H23" s="6"/>
      <c r="I23" s="6"/>
      <c r="J23" s="11"/>
      <c r="K23" s="11"/>
      <c r="L23" s="11"/>
      <c r="M23" s="11"/>
      <c r="N23" s="11"/>
      <c r="O23" s="11"/>
      <c r="P23" s="11"/>
      <c r="Q23" s="11"/>
      <c r="R23" s="11"/>
      <c r="T23" s="11"/>
      <c r="U23" s="11"/>
      <c r="V23" s="11"/>
      <c r="W23" s="11"/>
      <c r="Z23" s="11"/>
      <c r="AA23" s="11"/>
      <c r="AB23" s="11"/>
      <c r="AC23" s="11"/>
      <c r="AD23" s="277"/>
      <c r="AE23" s="277"/>
      <c r="AF23" s="11"/>
      <c r="AG23" s="11"/>
      <c r="AH23" s="11"/>
      <c r="AI23" s="11"/>
      <c r="AJ23" s="277"/>
      <c r="AK23" s="277"/>
      <c r="AL23" s="11"/>
      <c r="AM23" s="11"/>
      <c r="AN23" s="11"/>
      <c r="AO23" s="11"/>
      <c r="AP23" s="277"/>
      <c r="AQ23" s="277"/>
    </row>
    <row r="24" spans="1:43" s="7" customFormat="1" ht="16.149999999999999" x14ac:dyDescent="0.35">
      <c r="B24" s="29"/>
      <c r="C24" s="29"/>
      <c r="D24" s="29"/>
      <c r="E24" s="30"/>
      <c r="F24" s="30"/>
      <c r="G24" s="6"/>
      <c r="H24" s="6"/>
      <c r="I24" s="6"/>
      <c r="J24" s="11"/>
      <c r="K24" s="11"/>
      <c r="L24" s="11"/>
      <c r="M24" s="11"/>
      <c r="N24" s="11"/>
      <c r="O24" s="11"/>
      <c r="P24" s="11"/>
      <c r="Q24" s="11"/>
      <c r="R24" s="11"/>
      <c r="T24" s="11"/>
      <c r="U24" s="11"/>
      <c r="V24" s="11"/>
      <c r="W24" s="11"/>
      <c r="Z24" s="11"/>
      <c r="AA24" s="11"/>
      <c r="AB24" s="11"/>
      <c r="AC24" s="11"/>
      <c r="AD24" s="12"/>
      <c r="AE24" s="12"/>
      <c r="AF24" s="11"/>
      <c r="AG24" s="11"/>
      <c r="AH24" s="11"/>
      <c r="AI24" s="11"/>
      <c r="AJ24" s="12"/>
      <c r="AK24" s="12"/>
      <c r="AL24" s="11"/>
      <c r="AM24" s="11"/>
      <c r="AN24" s="11"/>
      <c r="AO24" s="11"/>
      <c r="AP24" s="12"/>
      <c r="AQ24" s="12"/>
    </row>
    <row r="25" spans="1:43" ht="16.7" thickBot="1" x14ac:dyDescent="0.4">
      <c r="B25" s="268" t="s">
        <v>32</v>
      </c>
      <c r="C25" s="269"/>
      <c r="D25" s="269"/>
      <c r="E25" s="269"/>
      <c r="F25" s="269"/>
      <c r="G25" s="7"/>
    </row>
    <row r="26" spans="1:43" s="13" customFormat="1" ht="33" customHeight="1" thickBot="1" x14ac:dyDescent="0.35">
      <c r="B26" s="31" t="s">
        <v>170</v>
      </c>
      <c r="C26" s="31" t="s">
        <v>169</v>
      </c>
      <c r="D26" s="31" t="s">
        <v>7</v>
      </c>
      <c r="E26" s="31" t="s">
        <v>11</v>
      </c>
      <c r="F26" s="32" t="s">
        <v>12</v>
      </c>
      <c r="G26" s="17"/>
    </row>
    <row r="27" spans="1:43" ht="16.7" thickBot="1" x14ac:dyDescent="0.4">
      <c r="B27" s="33">
        <v>1</v>
      </c>
      <c r="C27" s="278" t="s">
        <v>33</v>
      </c>
      <c r="D27" s="279"/>
      <c r="E27" s="280"/>
      <c r="F27" s="34"/>
      <c r="G27" s="7"/>
    </row>
    <row r="28" spans="1:43" ht="32.25" x14ac:dyDescent="0.35">
      <c r="B28" s="33">
        <v>1.1000000000000001</v>
      </c>
      <c r="C28" s="35" t="s">
        <v>34</v>
      </c>
      <c r="D28" s="36" t="s">
        <v>35</v>
      </c>
      <c r="E28" s="35" t="s">
        <v>172</v>
      </c>
      <c r="F28" s="19"/>
      <c r="G28" s="7"/>
    </row>
    <row r="29" spans="1:43" ht="16.149999999999999" x14ac:dyDescent="0.35">
      <c r="B29" s="33">
        <v>1.2</v>
      </c>
      <c r="C29" s="35" t="s">
        <v>36</v>
      </c>
      <c r="D29" s="36" t="s">
        <v>37</v>
      </c>
      <c r="E29" s="35" t="s">
        <v>172</v>
      </c>
      <c r="F29" s="19"/>
      <c r="G29" s="7"/>
    </row>
    <row r="30" spans="1:43" ht="16.149999999999999" x14ac:dyDescent="0.35">
      <c r="B30" s="33">
        <v>1.3</v>
      </c>
      <c r="C30" s="35" t="s">
        <v>38</v>
      </c>
      <c r="D30" s="36" t="s">
        <v>39</v>
      </c>
      <c r="E30" s="35" t="s">
        <v>40</v>
      </c>
      <c r="F30" s="19"/>
      <c r="G30" s="7"/>
    </row>
    <row r="31" spans="1:43" ht="32.25" x14ac:dyDescent="0.35">
      <c r="B31" s="33">
        <v>1.4</v>
      </c>
      <c r="C31" s="35" t="s">
        <v>349</v>
      </c>
      <c r="D31" s="36" t="s">
        <v>41</v>
      </c>
      <c r="E31" s="35" t="s">
        <v>42</v>
      </c>
      <c r="F31" s="19"/>
      <c r="G31" s="7"/>
    </row>
    <row r="32" spans="1:43" ht="16.149999999999999" x14ac:dyDescent="0.35">
      <c r="B32" s="33">
        <v>1.5</v>
      </c>
      <c r="C32" s="35" t="s">
        <v>43</v>
      </c>
      <c r="D32" s="36" t="s">
        <v>44</v>
      </c>
      <c r="E32" s="35" t="s">
        <v>47</v>
      </c>
      <c r="F32" s="19"/>
      <c r="G32" s="7"/>
    </row>
    <row r="33" spans="2:7" ht="16.149999999999999" x14ac:dyDescent="0.35">
      <c r="B33" s="33">
        <v>1.6</v>
      </c>
      <c r="C33" s="35" t="s">
        <v>45</v>
      </c>
      <c r="D33" s="36" t="s">
        <v>46</v>
      </c>
      <c r="E33" s="35" t="s">
        <v>47</v>
      </c>
      <c r="F33" s="19"/>
      <c r="G33" s="7"/>
    </row>
    <row r="34" spans="2:7" ht="16.149999999999999" x14ac:dyDescent="0.35">
      <c r="B34" s="33">
        <v>1.7</v>
      </c>
      <c r="C34" s="35" t="s">
        <v>48</v>
      </c>
      <c r="D34" s="36" t="s">
        <v>49</v>
      </c>
      <c r="E34" s="35" t="s">
        <v>47</v>
      </c>
      <c r="F34" s="19"/>
      <c r="G34" s="7"/>
    </row>
    <row r="35" spans="2:7" ht="16.149999999999999" x14ac:dyDescent="0.35">
      <c r="B35" s="33">
        <v>1.8</v>
      </c>
      <c r="C35" s="35" t="s">
        <v>50</v>
      </c>
      <c r="D35" s="36" t="s">
        <v>51</v>
      </c>
      <c r="E35" s="35" t="s">
        <v>40</v>
      </c>
      <c r="F35" s="19"/>
      <c r="G35" s="7"/>
    </row>
    <row r="36" spans="2:7" ht="16.149999999999999" x14ac:dyDescent="0.35">
      <c r="B36" s="33">
        <v>1.9</v>
      </c>
      <c r="C36" s="35" t="s">
        <v>52</v>
      </c>
      <c r="D36" s="36" t="s">
        <v>53</v>
      </c>
      <c r="E36" s="35" t="s">
        <v>47</v>
      </c>
      <c r="F36" s="19"/>
      <c r="G36" s="7"/>
    </row>
    <row r="37" spans="2:7" ht="16.149999999999999" x14ac:dyDescent="0.35">
      <c r="B37" s="37">
        <v>1.1000000000000001</v>
      </c>
      <c r="C37" s="35" t="s">
        <v>54</v>
      </c>
      <c r="D37" s="36" t="s">
        <v>55</v>
      </c>
      <c r="E37" s="35" t="s">
        <v>56</v>
      </c>
      <c r="F37" s="19"/>
      <c r="G37" s="7"/>
    </row>
    <row r="38" spans="2:7" ht="16.7" thickBot="1" x14ac:dyDescent="0.4">
      <c r="B38" s="33">
        <v>1.1100000000000001</v>
      </c>
      <c r="C38" s="35" t="s">
        <v>57</v>
      </c>
      <c r="D38" s="36" t="s">
        <v>58</v>
      </c>
      <c r="E38" s="35" t="s">
        <v>59</v>
      </c>
      <c r="F38" s="19"/>
      <c r="G38" s="7"/>
    </row>
    <row r="39" spans="2:7" ht="16.7" thickBot="1" x14ac:dyDescent="0.4">
      <c r="B39" s="33">
        <v>2</v>
      </c>
      <c r="C39" s="278" t="s">
        <v>60</v>
      </c>
      <c r="D39" s="279"/>
      <c r="E39" s="280"/>
      <c r="F39" s="18"/>
      <c r="G39" s="7"/>
    </row>
    <row r="40" spans="2:7" ht="16.149999999999999" x14ac:dyDescent="0.35">
      <c r="B40" s="33">
        <v>2.1</v>
      </c>
      <c r="C40" s="35" t="s">
        <v>61</v>
      </c>
      <c r="D40" s="36" t="s">
        <v>62</v>
      </c>
      <c r="E40" s="35" t="s">
        <v>56</v>
      </c>
      <c r="F40" s="19"/>
      <c r="G40" s="7"/>
    </row>
    <row r="41" spans="2:7" ht="16.149999999999999" x14ac:dyDescent="0.35">
      <c r="B41" s="33">
        <v>2.2000000000000002</v>
      </c>
      <c r="C41" s="35" t="s">
        <v>63</v>
      </c>
      <c r="D41" s="36" t="s">
        <v>64</v>
      </c>
      <c r="E41" s="35" t="s">
        <v>40</v>
      </c>
      <c r="F41" s="19"/>
      <c r="G41" s="7"/>
    </row>
    <row r="42" spans="2:7" ht="16.149999999999999" x14ac:dyDescent="0.35">
      <c r="B42" s="33">
        <v>2.2999999999999998</v>
      </c>
      <c r="C42" s="35" t="s">
        <v>65</v>
      </c>
      <c r="D42" s="36" t="s">
        <v>350</v>
      </c>
      <c r="E42" s="35" t="s">
        <v>47</v>
      </c>
      <c r="F42" s="19"/>
      <c r="G42" s="7"/>
    </row>
    <row r="43" spans="2:7" ht="16.149999999999999" x14ac:dyDescent="0.35">
      <c r="B43" s="33">
        <v>2.4</v>
      </c>
      <c r="C43" s="35" t="s">
        <v>66</v>
      </c>
      <c r="D43" s="36" t="s">
        <v>67</v>
      </c>
      <c r="E43" s="35" t="s">
        <v>56</v>
      </c>
      <c r="F43" s="19"/>
      <c r="G43" s="7"/>
    </row>
    <row r="44" spans="2:7" ht="16.149999999999999" x14ac:dyDescent="0.35">
      <c r="B44" s="33">
        <v>2.5</v>
      </c>
      <c r="C44" s="35" t="s">
        <v>68</v>
      </c>
      <c r="D44" s="36" t="s">
        <v>69</v>
      </c>
      <c r="E44" s="35" t="s">
        <v>56</v>
      </c>
      <c r="F44" s="19"/>
      <c r="G44" s="7"/>
    </row>
    <row r="45" spans="2:7" ht="16.149999999999999" x14ac:dyDescent="0.35">
      <c r="B45" s="33">
        <v>2.6</v>
      </c>
      <c r="C45" s="35" t="s">
        <v>70</v>
      </c>
      <c r="D45" s="36" t="s">
        <v>71</v>
      </c>
      <c r="E45" s="35" t="s">
        <v>56</v>
      </c>
      <c r="F45" s="19"/>
      <c r="G45" s="7"/>
    </row>
    <row r="46" spans="2:7" ht="16.149999999999999" x14ac:dyDescent="0.35">
      <c r="B46" s="33">
        <v>2.7</v>
      </c>
      <c r="C46" s="35" t="s">
        <v>72</v>
      </c>
      <c r="D46" s="36" t="s">
        <v>73</v>
      </c>
      <c r="E46" s="35" t="s">
        <v>56</v>
      </c>
      <c r="F46" s="19"/>
      <c r="G46" s="7"/>
    </row>
    <row r="47" spans="2:7" ht="16.149999999999999" x14ac:dyDescent="0.35">
      <c r="B47" s="33">
        <v>2.8</v>
      </c>
      <c r="C47" s="35" t="s">
        <v>74</v>
      </c>
      <c r="D47" s="36" t="s">
        <v>75</v>
      </c>
      <c r="E47" s="35" t="s">
        <v>56</v>
      </c>
      <c r="F47" s="19"/>
      <c r="G47" s="7"/>
    </row>
    <row r="48" spans="2:7" ht="16.149999999999999" x14ac:dyDescent="0.35">
      <c r="B48" s="33">
        <v>2.9</v>
      </c>
      <c r="C48" s="35" t="s">
        <v>74</v>
      </c>
      <c r="D48" s="36" t="s">
        <v>76</v>
      </c>
      <c r="E48" s="35" t="s">
        <v>59</v>
      </c>
      <c r="F48" s="19"/>
      <c r="G48" s="7"/>
    </row>
    <row r="49" spans="2:7" ht="16.149999999999999" x14ac:dyDescent="0.35">
      <c r="B49" s="37">
        <v>2.1</v>
      </c>
      <c r="C49" s="35" t="s">
        <v>77</v>
      </c>
      <c r="D49" s="36" t="s">
        <v>78</v>
      </c>
      <c r="E49" s="35" t="s">
        <v>56</v>
      </c>
      <c r="F49" s="19"/>
      <c r="G49" s="7"/>
    </row>
    <row r="50" spans="2:7" ht="16.149999999999999" x14ac:dyDescent="0.35">
      <c r="B50" s="33">
        <v>2.11</v>
      </c>
      <c r="C50" s="35" t="s">
        <v>77</v>
      </c>
      <c r="D50" s="36" t="s">
        <v>79</v>
      </c>
      <c r="E50" s="35" t="s">
        <v>59</v>
      </c>
      <c r="F50" s="19"/>
      <c r="G50" s="7"/>
    </row>
    <row r="51" spans="2:7" ht="16.149999999999999" x14ac:dyDescent="0.35">
      <c r="B51" s="33">
        <v>2.12</v>
      </c>
      <c r="C51" s="35" t="s">
        <v>80</v>
      </c>
      <c r="D51" s="36" t="s">
        <v>81</v>
      </c>
      <c r="E51" s="35" t="s">
        <v>56</v>
      </c>
      <c r="F51" s="19"/>
      <c r="G51" s="7"/>
    </row>
    <row r="52" spans="2:7" ht="16.149999999999999" x14ac:dyDescent="0.35">
      <c r="B52" s="33">
        <v>2.13</v>
      </c>
      <c r="C52" s="35" t="s">
        <v>82</v>
      </c>
      <c r="D52" s="36" t="s">
        <v>83</v>
      </c>
      <c r="E52" s="35" t="s">
        <v>40</v>
      </c>
      <c r="F52" s="19"/>
      <c r="G52" s="7"/>
    </row>
    <row r="53" spans="2:7" ht="16.149999999999999" x14ac:dyDescent="0.35">
      <c r="B53" s="33">
        <v>2.14</v>
      </c>
      <c r="C53" s="35" t="s">
        <v>84</v>
      </c>
      <c r="D53" s="36" t="s">
        <v>85</v>
      </c>
      <c r="E53" s="35" t="s">
        <v>86</v>
      </c>
      <c r="F53" s="19"/>
      <c r="G53" s="7"/>
    </row>
    <row r="54" spans="2:7" ht="16.149999999999999" x14ac:dyDescent="0.35">
      <c r="B54" s="33">
        <v>2.15</v>
      </c>
      <c r="C54" s="35" t="s">
        <v>87</v>
      </c>
      <c r="D54" s="36" t="s">
        <v>88</v>
      </c>
      <c r="E54" s="35" t="s">
        <v>56</v>
      </c>
      <c r="F54" s="19"/>
      <c r="G54" s="7"/>
    </row>
    <row r="55" spans="2:7" ht="16.7" thickBot="1" x14ac:dyDescent="0.4">
      <c r="B55" s="33"/>
      <c r="C55" s="35"/>
      <c r="D55" s="36"/>
      <c r="E55" s="35"/>
      <c r="F55" s="18"/>
      <c r="G55" s="7"/>
    </row>
    <row r="56" spans="2:7" ht="16.7" thickBot="1" x14ac:dyDescent="0.4">
      <c r="B56" s="33">
        <v>3</v>
      </c>
      <c r="C56" s="278" t="s">
        <v>89</v>
      </c>
      <c r="D56" s="279"/>
      <c r="E56" s="280"/>
      <c r="F56" s="18"/>
      <c r="G56" s="7"/>
    </row>
    <row r="57" spans="2:7" ht="32.25" x14ac:dyDescent="0.35">
      <c r="B57" s="33">
        <v>3.1</v>
      </c>
      <c r="C57" s="35" t="s">
        <v>90</v>
      </c>
      <c r="D57" s="36" t="s">
        <v>91</v>
      </c>
      <c r="E57" s="35" t="s">
        <v>40</v>
      </c>
      <c r="F57" s="19"/>
      <c r="G57" s="7"/>
    </row>
    <row r="58" spans="2:7" ht="16.149999999999999" x14ac:dyDescent="0.35">
      <c r="B58" s="33">
        <v>3.2</v>
      </c>
      <c r="C58" s="35" t="s">
        <v>92</v>
      </c>
      <c r="D58" s="36" t="s">
        <v>171</v>
      </c>
      <c r="E58" s="35" t="s">
        <v>86</v>
      </c>
      <c r="F58" s="19"/>
      <c r="G58" s="7"/>
    </row>
    <row r="59" spans="2:7" ht="16.149999999999999" x14ac:dyDescent="0.35">
      <c r="B59" s="33">
        <v>3.3</v>
      </c>
      <c r="C59" s="35" t="s">
        <v>93</v>
      </c>
      <c r="D59" s="36" t="s">
        <v>94</v>
      </c>
      <c r="E59" s="35" t="s">
        <v>40</v>
      </c>
      <c r="F59" s="19"/>
      <c r="G59" s="7"/>
    </row>
    <row r="60" spans="2:7" ht="16.149999999999999" x14ac:dyDescent="0.35">
      <c r="B60" s="33">
        <v>3.4</v>
      </c>
      <c r="C60" s="35" t="s">
        <v>95</v>
      </c>
      <c r="D60" s="36" t="s">
        <v>96</v>
      </c>
      <c r="E60" s="35" t="s">
        <v>47</v>
      </c>
      <c r="F60" s="19"/>
      <c r="G60" s="7"/>
    </row>
    <row r="61" spans="2:7" ht="16.149999999999999" x14ac:dyDescent="0.35">
      <c r="B61" s="33">
        <v>3.5</v>
      </c>
      <c r="C61" s="35" t="s">
        <v>97</v>
      </c>
      <c r="D61" s="36" t="s">
        <v>98</v>
      </c>
      <c r="E61" s="35" t="s">
        <v>40</v>
      </c>
      <c r="F61" s="19"/>
      <c r="G61" s="7"/>
    </row>
    <row r="62" spans="2:7" ht="16.149999999999999" x14ac:dyDescent="0.35">
      <c r="B62" s="33">
        <v>3.6</v>
      </c>
      <c r="C62" s="35" t="s">
        <v>99</v>
      </c>
      <c r="D62" s="36" t="s">
        <v>100</v>
      </c>
      <c r="E62" s="35" t="s">
        <v>40</v>
      </c>
      <c r="F62" s="19"/>
      <c r="G62" s="7"/>
    </row>
    <row r="63" spans="2:7" ht="16.149999999999999" x14ac:dyDescent="0.35">
      <c r="B63" s="33">
        <v>3.7</v>
      </c>
      <c r="C63" s="35" t="s">
        <v>101</v>
      </c>
      <c r="D63" s="36" t="s">
        <v>102</v>
      </c>
      <c r="E63" s="35" t="s">
        <v>40</v>
      </c>
      <c r="F63" s="19"/>
      <c r="G63" s="7"/>
    </row>
    <row r="64" spans="2:7" ht="16.149999999999999" x14ac:dyDescent="0.35">
      <c r="B64" s="33">
        <v>3.8</v>
      </c>
      <c r="C64" s="35" t="s">
        <v>103</v>
      </c>
      <c r="D64" s="36" t="s">
        <v>104</v>
      </c>
      <c r="E64" s="35" t="s">
        <v>40</v>
      </c>
      <c r="F64" s="19"/>
      <c r="G64" s="7"/>
    </row>
    <row r="65" spans="2:7" ht="16.7" thickBot="1" x14ac:dyDescent="0.4">
      <c r="B65" s="33"/>
      <c r="C65" s="35"/>
      <c r="D65" s="36"/>
      <c r="E65" s="35"/>
      <c r="F65" s="18"/>
      <c r="G65" s="7"/>
    </row>
    <row r="66" spans="2:7" ht="16.7" thickBot="1" x14ac:dyDescent="0.4">
      <c r="B66" s="33">
        <v>4</v>
      </c>
      <c r="C66" s="278" t="s">
        <v>105</v>
      </c>
      <c r="D66" s="279"/>
      <c r="E66" s="280"/>
      <c r="F66" s="18"/>
      <c r="G66" s="7"/>
    </row>
    <row r="67" spans="2:7" ht="16.149999999999999" x14ac:dyDescent="0.35">
      <c r="B67" s="33">
        <v>4.0999999999999996</v>
      </c>
      <c r="C67" s="35" t="s">
        <v>106</v>
      </c>
      <c r="D67" s="36" t="s">
        <v>107</v>
      </c>
      <c r="E67" s="35" t="s">
        <v>40</v>
      </c>
      <c r="F67" s="19"/>
      <c r="G67" s="7"/>
    </row>
    <row r="68" spans="2:7" ht="16.149999999999999" x14ac:dyDescent="0.35">
      <c r="B68" s="33">
        <v>4.2</v>
      </c>
      <c r="C68" s="35" t="s">
        <v>108</v>
      </c>
      <c r="D68" s="36" t="s">
        <v>109</v>
      </c>
      <c r="E68" s="35" t="s">
        <v>40</v>
      </c>
      <c r="F68" s="19"/>
      <c r="G68" s="7"/>
    </row>
    <row r="69" spans="2:7" ht="16.149999999999999" x14ac:dyDescent="0.35">
      <c r="B69" s="33">
        <v>4.3</v>
      </c>
      <c r="C69" s="35" t="s">
        <v>110</v>
      </c>
      <c r="D69" s="36" t="s">
        <v>111</v>
      </c>
      <c r="E69" s="35" t="s">
        <v>40</v>
      </c>
      <c r="F69" s="19"/>
      <c r="G69" s="7"/>
    </row>
    <row r="70" spans="2:7" ht="16.149999999999999" x14ac:dyDescent="0.35">
      <c r="B70" s="33">
        <v>4.4000000000000004</v>
      </c>
      <c r="C70" s="35" t="s">
        <v>112</v>
      </c>
      <c r="D70" s="36" t="s">
        <v>113</v>
      </c>
      <c r="E70" s="35" t="s">
        <v>40</v>
      </c>
      <c r="F70" s="19"/>
      <c r="G70" s="7"/>
    </row>
    <row r="71" spans="2:7" ht="16.149999999999999" x14ac:dyDescent="0.35">
      <c r="B71" s="33">
        <v>4.5</v>
      </c>
      <c r="C71" s="35" t="s">
        <v>114</v>
      </c>
      <c r="D71" s="36" t="s">
        <v>115</v>
      </c>
      <c r="E71" s="35" t="s">
        <v>40</v>
      </c>
      <c r="F71" s="19"/>
      <c r="G71" s="7"/>
    </row>
    <row r="72" spans="2:7" ht="16.149999999999999" x14ac:dyDescent="0.35">
      <c r="B72" s="33">
        <v>4.5999999999999996</v>
      </c>
      <c r="C72" s="35" t="s">
        <v>116</v>
      </c>
      <c r="D72" s="36" t="s">
        <v>117</v>
      </c>
      <c r="E72" s="35" t="s">
        <v>40</v>
      </c>
      <c r="F72" s="20"/>
      <c r="G72" s="7"/>
    </row>
    <row r="73" spans="2:7" ht="16.149999999999999" x14ac:dyDescent="0.35">
      <c r="B73" s="33">
        <v>4.7</v>
      </c>
      <c r="C73" s="35" t="s">
        <v>118</v>
      </c>
      <c r="D73" s="36" t="s">
        <v>119</v>
      </c>
      <c r="E73" s="35" t="s">
        <v>40</v>
      </c>
      <c r="F73" s="20"/>
      <c r="G73" s="7"/>
    </row>
    <row r="74" spans="2:7" ht="16.149999999999999" x14ac:dyDescent="0.35">
      <c r="B74" s="33">
        <v>4.8</v>
      </c>
      <c r="C74" s="35" t="s">
        <v>120</v>
      </c>
      <c r="D74" s="36" t="s">
        <v>121</v>
      </c>
      <c r="E74" s="35" t="s">
        <v>40</v>
      </c>
      <c r="F74" s="20"/>
      <c r="G74" s="7"/>
    </row>
    <row r="75" spans="2:7" ht="16.149999999999999" x14ac:dyDescent="0.35">
      <c r="B75" s="33">
        <v>4.9000000000000004</v>
      </c>
      <c r="C75" s="35" t="s">
        <v>120</v>
      </c>
      <c r="D75" s="36" t="s">
        <v>122</v>
      </c>
      <c r="E75" s="35" t="s">
        <v>40</v>
      </c>
      <c r="F75" s="20"/>
      <c r="G75" s="7"/>
    </row>
    <row r="76" spans="2:7" ht="16.149999999999999" x14ac:dyDescent="0.35">
      <c r="B76" s="37">
        <v>4.0999999999999996</v>
      </c>
      <c r="C76" s="35" t="s">
        <v>123</v>
      </c>
      <c r="D76" s="36" t="s">
        <v>124</v>
      </c>
      <c r="E76" s="35" t="s">
        <v>40</v>
      </c>
      <c r="F76" s="20"/>
      <c r="G76" s="7"/>
    </row>
    <row r="77" spans="2:7" ht="16.149999999999999" x14ac:dyDescent="0.35">
      <c r="B77" s="33">
        <v>4.1100000000000003</v>
      </c>
      <c r="C77" s="35" t="s">
        <v>125</v>
      </c>
      <c r="D77" s="36" t="s">
        <v>126</v>
      </c>
      <c r="E77" s="35" t="s">
        <v>40</v>
      </c>
      <c r="F77" s="20"/>
      <c r="G77" s="7"/>
    </row>
    <row r="78" spans="2:7" ht="16.149999999999999" x14ac:dyDescent="0.35">
      <c r="B78" s="33">
        <v>4.12</v>
      </c>
      <c r="C78" s="35" t="s">
        <v>127</v>
      </c>
      <c r="D78" s="36" t="s">
        <v>128</v>
      </c>
      <c r="E78" s="35" t="s">
        <v>40</v>
      </c>
      <c r="F78" s="20"/>
      <c r="G78" s="7"/>
    </row>
    <row r="79" spans="2:7" ht="16.149999999999999" x14ac:dyDescent="0.35">
      <c r="B79" s="33">
        <v>4.13</v>
      </c>
      <c r="C79" s="35" t="s">
        <v>129</v>
      </c>
      <c r="D79" s="36" t="s">
        <v>130</v>
      </c>
      <c r="E79" s="35" t="s">
        <v>40</v>
      </c>
      <c r="F79" s="20"/>
      <c r="G79" s="7"/>
    </row>
    <row r="80" spans="2:7" ht="16.149999999999999" x14ac:dyDescent="0.35">
      <c r="B80" s="33">
        <v>4.1399999999999997</v>
      </c>
      <c r="C80" s="35" t="s">
        <v>351</v>
      </c>
      <c r="D80" s="36" t="s">
        <v>131</v>
      </c>
      <c r="E80" s="35" t="s">
        <v>56</v>
      </c>
      <c r="F80" s="20"/>
      <c r="G80" s="7"/>
    </row>
    <row r="81" spans="2:7" ht="16.149999999999999" x14ac:dyDescent="0.35">
      <c r="B81" s="33">
        <v>4.1500000000000004</v>
      </c>
      <c r="C81" s="35" t="s">
        <v>132</v>
      </c>
      <c r="D81" s="36" t="s">
        <v>133</v>
      </c>
      <c r="E81" s="35" t="s">
        <v>40</v>
      </c>
      <c r="F81" s="20"/>
      <c r="G81" s="7"/>
    </row>
    <row r="82" spans="2:7" ht="16.149999999999999" x14ac:dyDescent="0.35">
      <c r="B82" s="33">
        <v>4.16</v>
      </c>
      <c r="C82" s="35" t="s">
        <v>132</v>
      </c>
      <c r="D82" s="36" t="s">
        <v>134</v>
      </c>
      <c r="E82" s="35" t="s">
        <v>40</v>
      </c>
      <c r="F82" s="20"/>
      <c r="G82" s="7"/>
    </row>
    <row r="83" spans="2:7" ht="16.149999999999999" x14ac:dyDescent="0.35">
      <c r="B83" s="33">
        <v>4.17</v>
      </c>
      <c r="C83" s="35" t="s">
        <v>135</v>
      </c>
      <c r="D83" s="36" t="s">
        <v>136</v>
      </c>
      <c r="E83" s="35" t="s">
        <v>40</v>
      </c>
      <c r="F83" s="20"/>
      <c r="G83" s="7"/>
    </row>
    <row r="84" spans="2:7" ht="16.149999999999999" x14ac:dyDescent="0.35">
      <c r="B84" s="33">
        <v>4.18</v>
      </c>
      <c r="C84" s="35" t="s">
        <v>135</v>
      </c>
      <c r="D84" s="36" t="s">
        <v>137</v>
      </c>
      <c r="E84" s="35" t="s">
        <v>40</v>
      </c>
      <c r="F84" s="20"/>
      <c r="G84" s="7"/>
    </row>
    <row r="85" spans="2:7" ht="16.149999999999999" x14ac:dyDescent="0.35">
      <c r="B85" s="33">
        <v>4.1900000000000004</v>
      </c>
      <c r="C85" s="35" t="s">
        <v>138</v>
      </c>
      <c r="D85" s="36" t="s">
        <v>139</v>
      </c>
      <c r="E85" s="35" t="s">
        <v>40</v>
      </c>
      <c r="F85" s="20"/>
      <c r="G85" s="7"/>
    </row>
    <row r="86" spans="2:7" ht="16.149999999999999" x14ac:dyDescent="0.35">
      <c r="B86" s="37">
        <v>4.2</v>
      </c>
      <c r="C86" s="35" t="s">
        <v>140</v>
      </c>
      <c r="D86" s="36" t="s">
        <v>141</v>
      </c>
      <c r="E86" s="35" t="s">
        <v>40</v>
      </c>
      <c r="F86" s="20"/>
      <c r="G86" s="7"/>
    </row>
    <row r="87" spans="2:7" ht="16.149999999999999" x14ac:dyDescent="0.35">
      <c r="B87" s="33">
        <v>4.21</v>
      </c>
      <c r="C87" s="35" t="s">
        <v>142</v>
      </c>
      <c r="D87" s="36" t="s">
        <v>143</v>
      </c>
      <c r="E87" s="35" t="s">
        <v>40</v>
      </c>
      <c r="F87" s="20"/>
      <c r="G87" s="7"/>
    </row>
    <row r="88" spans="2:7" ht="16.149999999999999" x14ac:dyDescent="0.35">
      <c r="B88" s="33">
        <v>4.22</v>
      </c>
      <c r="C88" s="35" t="s">
        <v>144</v>
      </c>
      <c r="D88" s="36" t="s">
        <v>145</v>
      </c>
      <c r="E88" s="35" t="s">
        <v>56</v>
      </c>
      <c r="F88" s="20"/>
      <c r="G88" s="7"/>
    </row>
    <row r="89" spans="2:7" ht="16.149999999999999" x14ac:dyDescent="0.35">
      <c r="B89" s="33">
        <v>4.2300000000000004</v>
      </c>
      <c r="C89" s="35" t="s">
        <v>146</v>
      </c>
      <c r="D89" s="36" t="s">
        <v>147</v>
      </c>
      <c r="E89" s="35" t="s">
        <v>56</v>
      </c>
      <c r="F89" s="20"/>
      <c r="G89" s="7"/>
    </row>
    <row r="90" spans="2:7" ht="16.149999999999999" x14ac:dyDescent="0.35">
      <c r="B90" s="33">
        <v>4.24</v>
      </c>
      <c r="C90" s="35" t="s">
        <v>146</v>
      </c>
      <c r="D90" s="36" t="s">
        <v>148</v>
      </c>
      <c r="E90" s="35" t="s">
        <v>56</v>
      </c>
      <c r="F90" s="20"/>
      <c r="G90" s="7"/>
    </row>
    <row r="91" spans="2:7" ht="16.149999999999999" x14ac:dyDescent="0.35">
      <c r="B91" s="33">
        <v>4.25</v>
      </c>
      <c r="C91" s="35" t="s">
        <v>146</v>
      </c>
      <c r="D91" s="36" t="s">
        <v>149</v>
      </c>
      <c r="E91" s="35" t="s">
        <v>56</v>
      </c>
      <c r="F91" s="20"/>
      <c r="G91" s="7"/>
    </row>
    <row r="92" spans="2:7" ht="16.149999999999999" x14ac:dyDescent="0.35">
      <c r="B92" s="33">
        <v>4.26</v>
      </c>
      <c r="C92" s="35" t="s">
        <v>150</v>
      </c>
      <c r="D92" s="93" t="s">
        <v>151</v>
      </c>
      <c r="E92" s="35" t="s">
        <v>56</v>
      </c>
      <c r="F92" s="20"/>
      <c r="G92" s="7"/>
    </row>
    <row r="93" spans="2:7" ht="16.149999999999999" x14ac:dyDescent="0.35">
      <c r="B93" s="37">
        <v>4.3</v>
      </c>
      <c r="C93" s="35" t="s">
        <v>152</v>
      </c>
      <c r="D93" s="36" t="s">
        <v>153</v>
      </c>
      <c r="E93" s="35" t="s">
        <v>56</v>
      </c>
      <c r="F93" s="20"/>
      <c r="G93" s="7"/>
    </row>
    <row r="94" spans="2:7" ht="16.149999999999999" x14ac:dyDescent="0.35">
      <c r="B94" s="33">
        <v>4.3099999999999996</v>
      </c>
      <c r="C94" s="35" t="s">
        <v>154</v>
      </c>
      <c r="D94" s="36" t="s">
        <v>154</v>
      </c>
      <c r="E94" s="35" t="s">
        <v>40</v>
      </c>
      <c r="F94" s="20"/>
      <c r="G94" s="7"/>
    </row>
    <row r="95" spans="2:7" ht="16.149999999999999" x14ac:dyDescent="0.35">
      <c r="B95" s="33">
        <v>4.32</v>
      </c>
      <c r="C95" s="35" t="s">
        <v>84</v>
      </c>
      <c r="D95" s="36" t="s">
        <v>155</v>
      </c>
      <c r="E95" s="35" t="s">
        <v>40</v>
      </c>
      <c r="F95" s="20"/>
      <c r="G95" s="7"/>
    </row>
    <row r="96" spans="2:7" ht="16.149999999999999" x14ac:dyDescent="0.35">
      <c r="B96" s="33">
        <v>4.33</v>
      </c>
      <c r="C96" s="35" t="s">
        <v>156</v>
      </c>
      <c r="D96" s="36" t="s">
        <v>157</v>
      </c>
      <c r="E96" s="35" t="s">
        <v>40</v>
      </c>
      <c r="F96" s="20"/>
      <c r="G96" s="7"/>
    </row>
    <row r="97" spans="2:7" ht="16.149999999999999" x14ac:dyDescent="0.35">
      <c r="B97" s="33">
        <v>4.34</v>
      </c>
      <c r="C97" s="35" t="s">
        <v>158</v>
      </c>
      <c r="D97" s="36" t="s">
        <v>158</v>
      </c>
      <c r="E97" s="35" t="s">
        <v>40</v>
      </c>
      <c r="F97" s="20"/>
      <c r="G97" s="7"/>
    </row>
    <row r="98" spans="2:7" ht="16.149999999999999" x14ac:dyDescent="0.35">
      <c r="B98" s="33">
        <v>4.3499999999999996</v>
      </c>
      <c r="C98" s="35" t="s">
        <v>159</v>
      </c>
      <c r="D98" s="36" t="s">
        <v>160</v>
      </c>
      <c r="E98" s="35" t="s">
        <v>56</v>
      </c>
      <c r="F98" s="20"/>
      <c r="G98" s="7"/>
    </row>
    <row r="99" spans="2:7" ht="16.149999999999999" x14ac:dyDescent="0.35">
      <c r="B99" s="33">
        <v>4.3600000000000003</v>
      </c>
      <c r="C99" s="35" t="s">
        <v>161</v>
      </c>
      <c r="D99" s="36" t="s">
        <v>162</v>
      </c>
      <c r="E99" s="35" t="s">
        <v>40</v>
      </c>
      <c r="F99" s="20"/>
      <c r="G99" s="7"/>
    </row>
    <row r="100" spans="2:7" ht="16.149999999999999" x14ac:dyDescent="0.35">
      <c r="B100" s="33">
        <v>4.37</v>
      </c>
      <c r="C100" s="35" t="s">
        <v>161</v>
      </c>
      <c r="D100" s="36" t="s">
        <v>163</v>
      </c>
      <c r="E100" s="35" t="s">
        <v>40</v>
      </c>
      <c r="F100" s="20"/>
      <c r="G100" s="7"/>
    </row>
    <row r="101" spans="2:7" ht="16.7" thickBot="1" x14ac:dyDescent="0.4">
      <c r="B101" s="38"/>
      <c r="C101" s="39"/>
      <c r="D101" s="40"/>
      <c r="E101" s="40"/>
      <c r="F101" s="130"/>
      <c r="G101" s="7"/>
    </row>
    <row r="102" spans="2:7" ht="16.149999999999999" x14ac:dyDescent="0.35">
      <c r="B102" s="26"/>
      <c r="C102" s="26"/>
      <c r="D102" s="26"/>
      <c r="E102" s="26"/>
      <c r="F102" s="26"/>
      <c r="G102" s="7"/>
    </row>
    <row r="103" spans="2:7" ht="16.7" thickBot="1" x14ac:dyDescent="0.4">
      <c r="B103" s="26"/>
      <c r="C103" s="26"/>
      <c r="D103" s="41"/>
      <c r="E103" s="26"/>
      <c r="F103" s="26"/>
      <c r="G103" s="7"/>
    </row>
    <row r="104" spans="2:7" s="14" customFormat="1" ht="16.7" thickBot="1" x14ac:dyDescent="0.4">
      <c r="B104" s="270" t="s">
        <v>173</v>
      </c>
      <c r="C104" s="271"/>
      <c r="D104" s="271"/>
      <c r="E104" s="272"/>
      <c r="F104" s="42"/>
      <c r="G104" s="21"/>
    </row>
    <row r="105" spans="2:7" s="14" customFormat="1" ht="16.149999999999999" thickBot="1" x14ac:dyDescent="0.35">
      <c r="B105" s="258" t="s">
        <v>13</v>
      </c>
      <c r="C105" s="259"/>
      <c r="D105" s="43" t="s">
        <v>14</v>
      </c>
      <c r="E105" s="43" t="s">
        <v>15</v>
      </c>
      <c r="F105" s="42"/>
      <c r="G105" s="21"/>
    </row>
    <row r="106" spans="2:7" s="14" customFormat="1" ht="16.149999999999999" x14ac:dyDescent="0.3">
      <c r="B106" s="260" t="s">
        <v>253</v>
      </c>
      <c r="C106" s="261"/>
      <c r="D106" s="131" t="s">
        <v>254</v>
      </c>
      <c r="E106" s="25"/>
      <c r="F106" s="42"/>
      <c r="G106" s="21"/>
    </row>
    <row r="107" spans="2:7" s="14" customFormat="1" ht="16.149999999999999" x14ac:dyDescent="0.3">
      <c r="B107" s="260" t="s">
        <v>255</v>
      </c>
      <c r="C107" s="261"/>
      <c r="D107" s="131" t="s">
        <v>256</v>
      </c>
      <c r="E107" s="22"/>
      <c r="F107" s="42"/>
      <c r="G107" s="21"/>
    </row>
    <row r="108" spans="2:7" s="14" customFormat="1" ht="16.149999999999999" x14ac:dyDescent="0.3">
      <c r="B108" s="260" t="s">
        <v>257</v>
      </c>
      <c r="C108" s="261"/>
      <c r="D108" s="131" t="s">
        <v>258</v>
      </c>
      <c r="E108" s="22"/>
      <c r="F108" s="42"/>
      <c r="G108" s="21"/>
    </row>
    <row r="109" spans="2:7" s="14" customFormat="1" ht="16.7" thickBot="1" x14ac:dyDescent="0.35">
      <c r="B109" s="262" t="s">
        <v>259</v>
      </c>
      <c r="C109" s="263"/>
      <c r="D109" s="47" t="s">
        <v>260</v>
      </c>
      <c r="E109" s="23"/>
      <c r="F109" s="42"/>
      <c r="G109" s="21"/>
    </row>
    <row r="110" spans="2:7" s="14" customFormat="1" ht="15.55" x14ac:dyDescent="0.3">
      <c r="B110" s="44"/>
      <c r="C110" s="45"/>
      <c r="D110" s="42"/>
      <c r="E110" s="42"/>
      <c r="F110" s="42"/>
      <c r="G110" s="21"/>
    </row>
    <row r="111" spans="2:7" ht="16.149999999999999" x14ac:dyDescent="0.35">
      <c r="B111" s="26"/>
      <c r="C111" s="26"/>
      <c r="D111" s="26"/>
      <c r="E111" s="26"/>
      <c r="F111" s="26"/>
      <c r="G111" s="7"/>
    </row>
    <row r="112" spans="2:7" s="14" customFormat="1" ht="16.7" thickBot="1" x14ac:dyDescent="0.4">
      <c r="B112" s="268" t="s">
        <v>24</v>
      </c>
      <c r="C112" s="269"/>
      <c r="D112" s="269"/>
      <c r="E112" s="42"/>
      <c r="F112" s="42"/>
      <c r="G112" s="21"/>
    </row>
    <row r="113" spans="2:7" s="14" customFormat="1" ht="16.149999999999999" thickBot="1" x14ac:dyDescent="0.35">
      <c r="B113" s="258" t="s">
        <v>25</v>
      </c>
      <c r="C113" s="259"/>
      <c r="D113" s="46" t="s">
        <v>26</v>
      </c>
      <c r="E113" s="42"/>
      <c r="F113" s="42"/>
      <c r="G113" s="21"/>
    </row>
    <row r="114" spans="2:7" s="14" customFormat="1" ht="16.149999999999999" thickBot="1" x14ac:dyDescent="0.35">
      <c r="B114" s="264" t="s">
        <v>27</v>
      </c>
      <c r="C114" s="265"/>
      <c r="D114" s="24"/>
      <c r="E114" s="42"/>
      <c r="F114" s="42"/>
      <c r="G114" s="21"/>
    </row>
    <row r="115" spans="2:7" ht="16.149999999999999" x14ac:dyDescent="0.35">
      <c r="B115" s="7"/>
      <c r="C115" s="7"/>
      <c r="D115" s="7"/>
      <c r="E115" s="7"/>
      <c r="F115" s="7"/>
      <c r="G115" s="7"/>
    </row>
    <row r="116" spans="2:7" ht="16.149999999999999" x14ac:dyDescent="0.35">
      <c r="B116" s="7"/>
      <c r="C116" s="7"/>
      <c r="D116" s="7"/>
      <c r="E116" s="7"/>
      <c r="F116" s="7"/>
      <c r="G116" s="7"/>
    </row>
    <row r="117" spans="2:7" s="7" customFormat="1" ht="16.7" thickBot="1" x14ac:dyDescent="0.4">
      <c r="B117" s="15"/>
      <c r="C117" s="15"/>
      <c r="E117" s="266"/>
      <c r="F117" s="266"/>
      <c r="G117" s="266"/>
    </row>
    <row r="118" spans="2:7" s="7" customFormat="1" ht="16.149999999999999" x14ac:dyDescent="0.35">
      <c r="B118" s="257" t="s">
        <v>28</v>
      </c>
      <c r="C118" s="257"/>
      <c r="E118" s="267" t="s">
        <v>29</v>
      </c>
      <c r="F118" s="267"/>
      <c r="G118" s="267"/>
    </row>
    <row r="119" spans="2:7" s="7" customFormat="1" ht="16.149999999999999" x14ac:dyDescent="0.35"/>
    <row r="120" spans="2:7" s="7" customFormat="1" ht="16.149999999999999" x14ac:dyDescent="0.35"/>
    <row r="121" spans="2:7" s="7" customFormat="1" ht="16.7" thickBot="1" x14ac:dyDescent="0.4">
      <c r="B121" s="15"/>
      <c r="C121" s="15"/>
      <c r="E121" s="266"/>
      <c r="F121" s="266"/>
      <c r="G121" s="266"/>
    </row>
    <row r="122" spans="2:7" s="7" customFormat="1" ht="16.149999999999999" x14ac:dyDescent="0.35">
      <c r="B122" s="257" t="s">
        <v>30</v>
      </c>
      <c r="C122" s="257"/>
      <c r="E122" s="257" t="s">
        <v>31</v>
      </c>
      <c r="F122" s="257"/>
      <c r="G122" s="257"/>
    </row>
  </sheetData>
  <sheetProtection algorithmName="SHA-512" hashValue="RmRAaNC+8AvO9AQ5usM0FmugJHxEisibViyl+QOPhXCoeoGfVKW+1NwuqTE/by4IVjq9yQuGP6uTJI4tPkrTHw==" saltValue="lXN4IaxCJQAeiI+eyReldA=="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49">
    <mergeCell ref="B2:C2"/>
    <mergeCell ref="D2:F2"/>
    <mergeCell ref="B3:C3"/>
    <mergeCell ref="D3:F3"/>
    <mergeCell ref="B14:F14"/>
    <mergeCell ref="B7:F7"/>
    <mergeCell ref="B8:F8"/>
    <mergeCell ref="B9:F9"/>
    <mergeCell ref="B10:F10"/>
    <mergeCell ref="B11:F11"/>
    <mergeCell ref="B12:F12"/>
    <mergeCell ref="B13:F13"/>
    <mergeCell ref="B4:C4"/>
    <mergeCell ref="D4:F4"/>
    <mergeCell ref="B5:C5"/>
    <mergeCell ref="D5:F5"/>
    <mergeCell ref="B15:F15"/>
    <mergeCell ref="B16:F16"/>
    <mergeCell ref="B17:F17"/>
    <mergeCell ref="B21:F21"/>
    <mergeCell ref="B22:D22"/>
    <mergeCell ref="B18:F18"/>
    <mergeCell ref="B104:E104"/>
    <mergeCell ref="AJ22:AK22"/>
    <mergeCell ref="AP22:AQ22"/>
    <mergeCell ref="B23:D23"/>
    <mergeCell ref="AD23:AE23"/>
    <mergeCell ref="AJ23:AK23"/>
    <mergeCell ref="AP23:AQ23"/>
    <mergeCell ref="AD22:AE22"/>
    <mergeCell ref="B25:F25"/>
    <mergeCell ref="C27:E27"/>
    <mergeCell ref="C39:E39"/>
    <mergeCell ref="C56:E56"/>
    <mergeCell ref="C66:E66"/>
    <mergeCell ref="B122:C122"/>
    <mergeCell ref="E122:G122"/>
    <mergeCell ref="B113:C113"/>
    <mergeCell ref="B105:C105"/>
    <mergeCell ref="B108:C108"/>
    <mergeCell ref="B109:C109"/>
    <mergeCell ref="B106:C106"/>
    <mergeCell ref="B107:C107"/>
    <mergeCell ref="B114:C114"/>
    <mergeCell ref="E117:G117"/>
    <mergeCell ref="B118:C118"/>
    <mergeCell ref="E118:G118"/>
    <mergeCell ref="E121:G121"/>
    <mergeCell ref="B112:D112"/>
  </mergeCells>
  <pageMargins left="6.9444444444444441E-3" right="6.9444444444444441E-3" top="6.9444444444444441E-3" bottom="6.9444444444444441E-3" header="0.3" footer="0.3"/>
  <pageSetup paperSize="9" scale="49" orientation="portrait" r:id="rId1"/>
  <rowBreaks count="1" manualBreakCount="1">
    <brk id="65" max="6"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641185-CEBE-4194-A3D9-84F3525B7BED}">
  <dimension ref="A1:AQ121"/>
  <sheetViews>
    <sheetView view="pageBreakPreview" topLeftCell="A11" zoomScaleNormal="100" zoomScaleSheetLayoutView="100" workbookViewId="0">
      <selection activeCell="B17" sqref="B17:F17"/>
    </sheetView>
  </sheetViews>
  <sheetFormatPr defaultColWidth="9.09765625" defaultRowHeight="16.149999999999999" x14ac:dyDescent="0.35"/>
  <cols>
    <col min="1" max="1" width="2.8984375"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107"/>
      <c r="C1" s="107"/>
      <c r="D1" s="107"/>
      <c r="E1" s="83"/>
      <c r="F1" s="106"/>
    </row>
    <row r="2" spans="1:8" x14ac:dyDescent="0.35">
      <c r="B2" s="175" t="s">
        <v>0</v>
      </c>
      <c r="C2" s="176" t="s">
        <v>164</v>
      </c>
      <c r="D2" s="177" t="s">
        <v>327</v>
      </c>
      <c r="E2" s="178"/>
      <c r="F2" s="179"/>
    </row>
    <row r="3" spans="1:8" x14ac:dyDescent="0.35">
      <c r="B3" s="180" t="s">
        <v>1</v>
      </c>
      <c r="C3" s="181" t="s">
        <v>168</v>
      </c>
      <c r="D3" s="197" t="s">
        <v>330</v>
      </c>
      <c r="E3" s="198"/>
      <c r="F3" s="199"/>
    </row>
    <row r="4" spans="1:8" x14ac:dyDescent="0.35">
      <c r="B4" s="180" t="s">
        <v>2</v>
      </c>
      <c r="C4" s="181" t="s">
        <v>317</v>
      </c>
      <c r="D4" s="185" t="s">
        <v>325</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254" t="s">
        <v>4</v>
      </c>
      <c r="C7" s="255"/>
      <c r="D7" s="255"/>
      <c r="E7" s="255"/>
      <c r="F7" s="256"/>
    </row>
    <row r="8" spans="1:8" ht="16.600000000000001" customHeight="1" x14ac:dyDescent="0.35">
      <c r="B8" s="153" t="s">
        <v>332</v>
      </c>
      <c r="C8" s="154"/>
      <c r="D8" s="154"/>
      <c r="E8" s="154"/>
      <c r="F8" s="155"/>
      <c r="G8" s="54"/>
      <c r="H8" s="54"/>
    </row>
    <row r="9" spans="1:8" ht="42.8" customHeight="1" x14ac:dyDescent="0.35">
      <c r="B9" s="164" t="s">
        <v>5</v>
      </c>
      <c r="C9" s="165"/>
      <c r="D9" s="165"/>
      <c r="E9" s="165"/>
      <c r="F9" s="166"/>
      <c r="G9" s="54"/>
      <c r="H9" s="54"/>
    </row>
    <row r="10" spans="1:8" x14ac:dyDescent="0.35">
      <c r="B10" s="164" t="s">
        <v>344</v>
      </c>
      <c r="C10" s="165"/>
      <c r="D10" s="165"/>
      <c r="E10" s="165"/>
      <c r="F10" s="166"/>
    </row>
    <row r="11" spans="1:8" ht="43.5" customHeight="1" x14ac:dyDescent="0.35">
      <c r="B11" s="164" t="s">
        <v>165</v>
      </c>
      <c r="C11" s="165"/>
      <c r="D11" s="165"/>
      <c r="E11" s="165"/>
      <c r="F11" s="166"/>
      <c r="G11" s="54"/>
      <c r="H11" s="54"/>
    </row>
    <row r="12" spans="1:8" ht="53.3" customHeight="1" x14ac:dyDescent="0.35">
      <c r="B12" s="164" t="s">
        <v>166</v>
      </c>
      <c r="C12" s="165"/>
      <c r="D12" s="165"/>
      <c r="E12" s="165"/>
      <c r="F12" s="166"/>
    </row>
    <row r="13" spans="1:8" x14ac:dyDescent="0.35">
      <c r="B13" s="164" t="s">
        <v>167</v>
      </c>
      <c r="C13" s="165"/>
      <c r="D13" s="165"/>
      <c r="E13" s="165"/>
      <c r="F13" s="166"/>
      <c r="G13" s="54"/>
      <c r="H13" s="54"/>
    </row>
    <row r="14" spans="1:8" x14ac:dyDescent="0.35">
      <c r="A14" s="81"/>
      <c r="B14" s="153" t="s">
        <v>354</v>
      </c>
      <c r="C14" s="154"/>
      <c r="D14" s="154"/>
      <c r="E14" s="154"/>
      <c r="F14" s="155"/>
      <c r="G14" s="81"/>
      <c r="H14" s="54"/>
    </row>
    <row r="15" spans="1:8" x14ac:dyDescent="0.35">
      <c r="A15" s="81"/>
      <c r="B15" s="188" t="s">
        <v>352</v>
      </c>
      <c r="C15" s="189"/>
      <c r="D15" s="189"/>
      <c r="E15" s="189"/>
      <c r="F15" s="190"/>
      <c r="G15" s="81"/>
      <c r="H15" s="54"/>
    </row>
    <row r="16" spans="1:8" ht="33" customHeight="1" x14ac:dyDescent="0.35">
      <c r="A16" s="81"/>
      <c r="B16" s="164" t="s">
        <v>346</v>
      </c>
      <c r="C16" s="165"/>
      <c r="D16" s="165"/>
      <c r="E16" s="165"/>
      <c r="F16" s="166"/>
      <c r="G16" s="81"/>
      <c r="H16" s="54"/>
    </row>
    <row r="17" spans="1:43" x14ac:dyDescent="0.35">
      <c r="A17" s="81"/>
      <c r="B17" s="153" t="s">
        <v>347</v>
      </c>
      <c r="C17" s="154"/>
      <c r="D17" s="154"/>
      <c r="E17" s="154"/>
      <c r="F17" s="155"/>
      <c r="G17" s="81"/>
      <c r="H17" s="54"/>
    </row>
    <row r="18" spans="1:43" ht="18" customHeight="1" thickBot="1" x14ac:dyDescent="0.4">
      <c r="A18" s="81"/>
      <c r="B18" s="167" t="s">
        <v>348</v>
      </c>
      <c r="C18" s="168"/>
      <c r="D18" s="168"/>
      <c r="E18" s="168"/>
      <c r="F18" s="169"/>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51.7" customHeight="1" thickBot="1" x14ac:dyDescent="0.35">
      <c r="B26" s="88" t="s">
        <v>170</v>
      </c>
      <c r="C26" s="88" t="s">
        <v>169</v>
      </c>
      <c r="D26" s="88" t="s">
        <v>7</v>
      </c>
      <c r="E26" s="88" t="s">
        <v>11</v>
      </c>
      <c r="F26" s="89" t="s">
        <v>12</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0">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4">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5"/>
    </row>
    <row r="56" spans="2:6" ht="16.7" thickBot="1" x14ac:dyDescent="0.4">
      <c r="B56" s="90">
        <v>3</v>
      </c>
      <c r="C56" s="140" t="s">
        <v>89</v>
      </c>
      <c r="D56" s="141"/>
      <c r="E56" s="142"/>
      <c r="F56" s="65"/>
    </row>
    <row r="57" spans="2:6" ht="32.25" x14ac:dyDescent="0.35">
      <c r="B57" s="90">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5"/>
    </row>
    <row r="66" spans="2:6" ht="16.7" thickBot="1" x14ac:dyDescent="0.4">
      <c r="B66" s="90">
        <v>4</v>
      </c>
      <c r="C66" s="140" t="s">
        <v>105</v>
      </c>
      <c r="D66" s="141"/>
      <c r="E66" s="142"/>
      <c r="F66" s="65"/>
    </row>
    <row r="67" spans="2:6" x14ac:dyDescent="0.35">
      <c r="B67" s="90">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4">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4">
        <v>4.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4">
        <v>4.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105"/>
    </row>
    <row r="102" spans="2:6" x14ac:dyDescent="0.35">
      <c r="B102" s="81"/>
      <c r="C102" s="81"/>
      <c r="D102" s="81"/>
      <c r="E102" s="81"/>
      <c r="F102" s="81"/>
    </row>
    <row r="103" spans="2:6" ht="16.7" thickBot="1" x14ac:dyDescent="0.4">
      <c r="B103" s="81"/>
      <c r="C103" s="81"/>
      <c r="D103" s="99"/>
      <c r="E103" s="81"/>
      <c r="F103" s="81"/>
    </row>
    <row r="104" spans="2:6" ht="16.7" thickBot="1" x14ac:dyDescent="0.4">
      <c r="B104" s="143" t="s">
        <v>173</v>
      </c>
      <c r="C104" s="144"/>
      <c r="D104" s="144"/>
      <c r="E104" s="145"/>
      <c r="F104" s="81"/>
    </row>
    <row r="105" spans="2:6" ht="16.7" thickBot="1" x14ac:dyDescent="0.4">
      <c r="B105" s="146" t="s">
        <v>13</v>
      </c>
      <c r="C105" s="147"/>
      <c r="D105" s="100" t="s">
        <v>14</v>
      </c>
      <c r="E105" s="100" t="s">
        <v>15</v>
      </c>
      <c r="F105" s="81"/>
    </row>
    <row r="106" spans="2:6" x14ac:dyDescent="0.35">
      <c r="B106" s="250" t="s">
        <v>261</v>
      </c>
      <c r="C106" s="251"/>
      <c r="D106" s="132" t="s">
        <v>264</v>
      </c>
      <c r="E106" s="77"/>
      <c r="F106" s="81"/>
    </row>
    <row r="107" spans="2:6" x14ac:dyDescent="0.35">
      <c r="B107" s="250" t="s">
        <v>262</v>
      </c>
      <c r="C107" s="251" t="s">
        <v>262</v>
      </c>
      <c r="D107" s="132" t="s">
        <v>265</v>
      </c>
      <c r="E107" s="69"/>
      <c r="F107" s="81"/>
    </row>
    <row r="108" spans="2:6" ht="16.7" thickBot="1" x14ac:dyDescent="0.4">
      <c r="B108" s="252" t="s">
        <v>263</v>
      </c>
      <c r="C108" s="253" t="s">
        <v>263</v>
      </c>
      <c r="D108" s="133" t="s">
        <v>266</v>
      </c>
      <c r="E108" s="70"/>
      <c r="F108" s="81"/>
    </row>
    <row r="109" spans="2:6" x14ac:dyDescent="0.35">
      <c r="B109" s="102"/>
      <c r="C109" s="103"/>
      <c r="D109" s="81"/>
      <c r="E109" s="81"/>
      <c r="F109" s="81"/>
    </row>
    <row r="110" spans="2:6" x14ac:dyDescent="0.35">
      <c r="B110" s="81"/>
      <c r="C110" s="81"/>
      <c r="D110" s="81"/>
      <c r="E110" s="81"/>
      <c r="F110" s="81"/>
    </row>
    <row r="111" spans="2:6" ht="16.7" thickBot="1" x14ac:dyDescent="0.4">
      <c r="B111" s="138" t="s">
        <v>24</v>
      </c>
      <c r="C111" s="139"/>
      <c r="D111" s="139"/>
      <c r="E111" s="81"/>
      <c r="F111" s="81"/>
    </row>
    <row r="112" spans="2:6" ht="16.7" thickBot="1" x14ac:dyDescent="0.4">
      <c r="B112" s="146" t="s">
        <v>25</v>
      </c>
      <c r="C112" s="147"/>
      <c r="D112" s="104" t="s">
        <v>26</v>
      </c>
      <c r="E112" s="81"/>
      <c r="F112" s="81"/>
    </row>
    <row r="113" spans="2:7" ht="16.7" thickBot="1" x14ac:dyDescent="0.4">
      <c r="B113" s="150" t="s">
        <v>27</v>
      </c>
      <c r="C113" s="151"/>
      <c r="D113" s="71"/>
      <c r="E113" s="81"/>
      <c r="F113" s="81"/>
    </row>
    <row r="116" spans="2:7" ht="16.7" thickBot="1" x14ac:dyDescent="0.4">
      <c r="B116" s="72"/>
      <c r="C116" s="72"/>
      <c r="E116" s="136"/>
      <c r="F116" s="136"/>
      <c r="G116" s="136"/>
    </row>
    <row r="117" spans="2:7" x14ac:dyDescent="0.35">
      <c r="B117" s="137" t="s">
        <v>28</v>
      </c>
      <c r="C117" s="137"/>
      <c r="E117" s="152" t="s">
        <v>29</v>
      </c>
      <c r="F117" s="152"/>
      <c r="G117" s="152"/>
    </row>
    <row r="120" spans="2:7" ht="16.7" thickBot="1" x14ac:dyDescent="0.4">
      <c r="B120" s="72"/>
      <c r="C120" s="72"/>
      <c r="E120" s="136"/>
      <c r="F120" s="136"/>
      <c r="G120" s="136"/>
    </row>
    <row r="121" spans="2:7" x14ac:dyDescent="0.35">
      <c r="B121" s="137" t="s">
        <v>30</v>
      </c>
      <c r="C121" s="137"/>
      <c r="E121" s="137" t="s">
        <v>31</v>
      </c>
      <c r="F121" s="137"/>
      <c r="G121" s="137"/>
    </row>
  </sheetData>
  <sheetProtection algorithmName="SHA-512" hashValue="Ru22LQBe7iVrziu1ig9OP861UYi0WHa//KpWx8Jjtr9pdZXe+cy8idCVRQuIp4srGO/tl3w+jcNze2PtyUdP/Q==" saltValue="JqES5zt9895WpUwHFgWPnA=="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48">
    <mergeCell ref="B2:C2"/>
    <mergeCell ref="D2:F2"/>
    <mergeCell ref="B3:C3"/>
    <mergeCell ref="D3:F3"/>
    <mergeCell ref="B14:F14"/>
    <mergeCell ref="B7:F7"/>
    <mergeCell ref="B8:F8"/>
    <mergeCell ref="B9:F9"/>
    <mergeCell ref="B10:F10"/>
    <mergeCell ref="B11:F11"/>
    <mergeCell ref="B12:F12"/>
    <mergeCell ref="B13:F13"/>
    <mergeCell ref="B4:C4"/>
    <mergeCell ref="D4:F4"/>
    <mergeCell ref="B5:C5"/>
    <mergeCell ref="D5:F5"/>
    <mergeCell ref="B15:F15"/>
    <mergeCell ref="B16:F16"/>
    <mergeCell ref="B17:F17"/>
    <mergeCell ref="B21:F21"/>
    <mergeCell ref="B22:D22"/>
    <mergeCell ref="B18:F18"/>
    <mergeCell ref="AJ22:AK22"/>
    <mergeCell ref="AP22:AQ22"/>
    <mergeCell ref="B23:D23"/>
    <mergeCell ref="AD23:AE23"/>
    <mergeCell ref="AJ23:AK23"/>
    <mergeCell ref="AP23:AQ23"/>
    <mergeCell ref="AD22:AE22"/>
    <mergeCell ref="B117:C117"/>
    <mergeCell ref="E117:G117"/>
    <mergeCell ref="E120:G120"/>
    <mergeCell ref="B121:C121"/>
    <mergeCell ref="E121:G121"/>
    <mergeCell ref="E116:G116"/>
    <mergeCell ref="B113:C113"/>
    <mergeCell ref="B25:F25"/>
    <mergeCell ref="C27:E27"/>
    <mergeCell ref="C39:E39"/>
    <mergeCell ref="C56:E56"/>
    <mergeCell ref="C66:E66"/>
    <mergeCell ref="B104:E104"/>
    <mergeCell ref="B105:C105"/>
    <mergeCell ref="B106:C106"/>
    <mergeCell ref="B107:C107"/>
    <mergeCell ref="B108:C108"/>
    <mergeCell ref="B112:C112"/>
    <mergeCell ref="B111:D111"/>
  </mergeCells>
  <pageMargins left="6.9444444444444441E-3" right="6.9444444444444441E-3" top="6.9444444444444441E-3" bottom="6.9444444444444441E-3" header="0.3" footer="0.3"/>
  <pageSetup paperSize="9" scale="57" orientation="portrait" r:id="rId1"/>
  <rowBreaks count="1" manualBreakCount="1">
    <brk id="65" max="6"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A437AD4-04B3-46FB-B10D-B28620EE1E1B}">
  <dimension ref="A1:AQ121"/>
  <sheetViews>
    <sheetView view="pageBreakPreview" topLeftCell="A9" zoomScaleNormal="85" zoomScaleSheetLayoutView="100" workbookViewId="0">
      <selection activeCell="B14" sqref="B14:F14"/>
    </sheetView>
  </sheetViews>
  <sheetFormatPr defaultColWidth="9.09765625" defaultRowHeight="16.149999999999999" x14ac:dyDescent="0.35"/>
  <cols>
    <col min="1" max="1" width="2.69921875"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107"/>
      <c r="C1" s="107"/>
      <c r="D1" s="107"/>
      <c r="E1" s="83"/>
      <c r="F1" s="106"/>
    </row>
    <row r="2" spans="1:8" x14ac:dyDescent="0.35">
      <c r="B2" s="175" t="s">
        <v>0</v>
      </c>
      <c r="C2" s="176"/>
      <c r="D2" s="177" t="s">
        <v>327</v>
      </c>
      <c r="E2" s="178"/>
      <c r="F2" s="179"/>
    </row>
    <row r="3" spans="1:8" ht="33.700000000000003" customHeight="1" x14ac:dyDescent="0.35">
      <c r="B3" s="180" t="s">
        <v>1</v>
      </c>
      <c r="C3" s="181"/>
      <c r="D3" s="197" t="s">
        <v>330</v>
      </c>
      <c r="E3" s="198"/>
      <c r="F3" s="199"/>
    </row>
    <row r="4" spans="1:8" x14ac:dyDescent="0.35">
      <c r="B4" s="180" t="s">
        <v>2</v>
      </c>
      <c r="C4" s="181"/>
      <c r="D4" s="185" t="s">
        <v>342</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254" t="s">
        <v>4</v>
      </c>
      <c r="C7" s="255"/>
      <c r="D7" s="255"/>
      <c r="E7" s="255"/>
      <c r="F7" s="256"/>
    </row>
    <row r="8" spans="1:8" ht="16.600000000000001" customHeight="1" x14ac:dyDescent="0.35">
      <c r="B8" s="153" t="s">
        <v>332</v>
      </c>
      <c r="C8" s="154"/>
      <c r="D8" s="154"/>
      <c r="E8" s="154"/>
      <c r="F8" s="155"/>
      <c r="G8" s="54"/>
      <c r="H8" s="54"/>
    </row>
    <row r="9" spans="1:8" ht="41.2" customHeight="1" x14ac:dyDescent="0.35">
      <c r="B9" s="164" t="s">
        <v>5</v>
      </c>
      <c r="C9" s="165"/>
      <c r="D9" s="165"/>
      <c r="E9" s="165"/>
      <c r="F9" s="166"/>
      <c r="G9" s="54"/>
      <c r="H9" s="54"/>
    </row>
    <row r="10" spans="1:8" x14ac:dyDescent="0.35">
      <c r="B10" s="164" t="s">
        <v>344</v>
      </c>
      <c r="C10" s="165"/>
      <c r="D10" s="165"/>
      <c r="E10" s="165"/>
      <c r="F10" s="166"/>
    </row>
    <row r="11" spans="1:8" ht="40.5" customHeight="1" x14ac:dyDescent="0.35">
      <c r="B11" s="164" t="s">
        <v>165</v>
      </c>
      <c r="C11" s="165"/>
      <c r="D11" s="165"/>
      <c r="E11" s="165"/>
      <c r="F11" s="166"/>
      <c r="G11" s="54"/>
      <c r="H11" s="54"/>
    </row>
    <row r="12" spans="1:8" ht="58.5" customHeight="1" x14ac:dyDescent="0.35">
      <c r="B12" s="164" t="s">
        <v>166</v>
      </c>
      <c r="C12" s="165"/>
      <c r="D12" s="165"/>
      <c r="E12" s="165"/>
      <c r="F12" s="166"/>
    </row>
    <row r="13" spans="1:8" x14ac:dyDescent="0.35">
      <c r="B13" s="164" t="s">
        <v>167</v>
      </c>
      <c r="C13" s="165"/>
      <c r="D13" s="165"/>
      <c r="E13" s="165"/>
      <c r="F13" s="166"/>
      <c r="G13" s="54"/>
      <c r="H13" s="54"/>
    </row>
    <row r="14" spans="1:8" x14ac:dyDescent="0.35">
      <c r="A14" s="81"/>
      <c r="B14" s="153" t="s">
        <v>354</v>
      </c>
      <c r="C14" s="154"/>
      <c r="D14" s="154"/>
      <c r="E14" s="154"/>
      <c r="F14" s="155"/>
      <c r="G14" s="81"/>
      <c r="H14" s="54"/>
    </row>
    <row r="15" spans="1:8" x14ac:dyDescent="0.35">
      <c r="A15" s="81"/>
      <c r="B15" s="188" t="s">
        <v>352</v>
      </c>
      <c r="C15" s="189"/>
      <c r="D15" s="189"/>
      <c r="E15" s="189"/>
      <c r="F15" s="190"/>
      <c r="G15" s="81"/>
      <c r="H15" s="54"/>
    </row>
    <row r="16" spans="1:8" ht="33" customHeight="1" x14ac:dyDescent="0.35">
      <c r="A16" s="81"/>
      <c r="B16" s="164" t="s">
        <v>346</v>
      </c>
      <c r="C16" s="165"/>
      <c r="D16" s="165"/>
      <c r="E16" s="165"/>
      <c r="F16" s="166"/>
      <c r="G16" s="81"/>
      <c r="H16" s="54"/>
    </row>
    <row r="17" spans="1:43" x14ac:dyDescent="0.35">
      <c r="A17" s="81"/>
      <c r="B17" s="153" t="s">
        <v>347</v>
      </c>
      <c r="C17" s="154"/>
      <c r="D17" s="154"/>
      <c r="E17" s="154"/>
      <c r="F17" s="155"/>
      <c r="G17" s="81"/>
      <c r="H17" s="54"/>
    </row>
    <row r="18" spans="1:43" ht="18" customHeight="1" thickBot="1" x14ac:dyDescent="0.4">
      <c r="A18" s="81"/>
      <c r="B18" s="167" t="s">
        <v>348</v>
      </c>
      <c r="C18" s="168"/>
      <c r="D18" s="168"/>
      <c r="E18" s="168"/>
      <c r="F18" s="169"/>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31.55" customHeight="1" thickBot="1" x14ac:dyDescent="0.35">
      <c r="B26" s="88" t="s">
        <v>170</v>
      </c>
      <c r="C26" s="88" t="s">
        <v>169</v>
      </c>
      <c r="D26" s="88" t="s">
        <v>7</v>
      </c>
      <c r="E26" s="88" t="s">
        <v>11</v>
      </c>
      <c r="F26" s="89" t="s">
        <v>12</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0">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4">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5"/>
    </row>
    <row r="56" spans="2:6" ht="16.7" thickBot="1" x14ac:dyDescent="0.4">
      <c r="B56" s="90">
        <v>3</v>
      </c>
      <c r="C56" s="140" t="s">
        <v>89</v>
      </c>
      <c r="D56" s="141"/>
      <c r="E56" s="142"/>
      <c r="F56" s="65"/>
    </row>
    <row r="57" spans="2:6" ht="32.25" x14ac:dyDescent="0.35">
      <c r="B57" s="90">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5"/>
    </row>
    <row r="66" spans="2:6" ht="16.7" thickBot="1" x14ac:dyDescent="0.4">
      <c r="B66" s="90">
        <v>4</v>
      </c>
      <c r="C66" s="140" t="s">
        <v>105</v>
      </c>
      <c r="D66" s="141"/>
      <c r="E66" s="142"/>
      <c r="F66" s="65"/>
    </row>
    <row r="67" spans="2:6" x14ac:dyDescent="0.35">
      <c r="B67" s="90">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4">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4">
        <v>4.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0">
        <v>4.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78"/>
    </row>
    <row r="102" spans="2:6" x14ac:dyDescent="0.35">
      <c r="B102" s="81"/>
      <c r="C102" s="81"/>
      <c r="D102" s="81"/>
      <c r="E102" s="81"/>
      <c r="F102" s="81"/>
    </row>
    <row r="103" spans="2:6" ht="16.7" thickBot="1" x14ac:dyDescent="0.4">
      <c r="B103" s="81"/>
      <c r="C103" s="81"/>
      <c r="D103" s="99"/>
      <c r="E103" s="81"/>
      <c r="F103" s="81"/>
    </row>
    <row r="104" spans="2:6" ht="16.7" thickBot="1" x14ac:dyDescent="0.4">
      <c r="B104" s="143" t="s">
        <v>173</v>
      </c>
      <c r="C104" s="144"/>
      <c r="D104" s="144"/>
      <c r="E104" s="145"/>
      <c r="F104" s="81"/>
    </row>
    <row r="105" spans="2:6" ht="16.7" thickBot="1" x14ac:dyDescent="0.4">
      <c r="B105" s="146" t="s">
        <v>13</v>
      </c>
      <c r="C105" s="147"/>
      <c r="D105" s="100" t="s">
        <v>14</v>
      </c>
      <c r="E105" s="100" t="s">
        <v>15</v>
      </c>
      <c r="F105" s="81"/>
    </row>
    <row r="106" spans="2:6" x14ac:dyDescent="0.35">
      <c r="B106" s="314" t="s">
        <v>267</v>
      </c>
      <c r="C106" s="315"/>
      <c r="D106" s="111" t="s">
        <v>268</v>
      </c>
      <c r="E106" s="77"/>
      <c r="F106" s="81"/>
    </row>
    <row r="107" spans="2:6" x14ac:dyDescent="0.35">
      <c r="B107" s="314" t="s">
        <v>269</v>
      </c>
      <c r="C107" s="315"/>
      <c r="D107" s="132" t="s">
        <v>270</v>
      </c>
      <c r="E107" s="69"/>
      <c r="F107" s="81"/>
    </row>
    <row r="108" spans="2:6" ht="16.7" thickBot="1" x14ac:dyDescent="0.4">
      <c r="B108" s="316" t="s">
        <v>271</v>
      </c>
      <c r="C108" s="317"/>
      <c r="D108" s="98" t="s">
        <v>272</v>
      </c>
      <c r="E108" s="70"/>
      <c r="F108" s="81"/>
    </row>
    <row r="109" spans="2:6" x14ac:dyDescent="0.35">
      <c r="B109" s="102"/>
      <c r="C109" s="103"/>
      <c r="D109" s="81"/>
      <c r="E109" s="81"/>
      <c r="F109" s="81"/>
    </row>
    <row r="110" spans="2:6" x14ac:dyDescent="0.35">
      <c r="B110" s="81"/>
      <c r="C110" s="81"/>
      <c r="D110" s="81"/>
      <c r="E110" s="81"/>
      <c r="F110" s="81"/>
    </row>
    <row r="111" spans="2:6" ht="16.7" thickBot="1" x14ac:dyDescent="0.4">
      <c r="B111" s="138" t="s">
        <v>24</v>
      </c>
      <c r="C111" s="139"/>
      <c r="D111" s="139"/>
      <c r="E111" s="81"/>
      <c r="F111" s="81"/>
    </row>
    <row r="112" spans="2:6" ht="16.7" thickBot="1" x14ac:dyDescent="0.4">
      <c r="B112" s="146" t="s">
        <v>25</v>
      </c>
      <c r="C112" s="147"/>
      <c r="D112" s="104" t="s">
        <v>26</v>
      </c>
      <c r="E112" s="81"/>
      <c r="F112" s="81"/>
    </row>
    <row r="113" spans="2:7" ht="16.7" thickBot="1" x14ac:dyDescent="0.4">
      <c r="B113" s="150" t="s">
        <v>27</v>
      </c>
      <c r="C113" s="151"/>
      <c r="D113" s="71"/>
      <c r="E113" s="81"/>
      <c r="F113" s="81"/>
    </row>
    <row r="116" spans="2:7" ht="16.7" thickBot="1" x14ac:dyDescent="0.4">
      <c r="B116" s="72"/>
      <c r="C116" s="72"/>
      <c r="E116" s="136"/>
      <c r="F116" s="136"/>
      <c r="G116" s="136"/>
    </row>
    <row r="117" spans="2:7" x14ac:dyDescent="0.35">
      <c r="B117" s="137" t="s">
        <v>28</v>
      </c>
      <c r="C117" s="137"/>
      <c r="E117" s="152" t="s">
        <v>29</v>
      </c>
      <c r="F117" s="152"/>
      <c r="G117" s="152"/>
    </row>
    <row r="120" spans="2:7" ht="16.7" thickBot="1" x14ac:dyDescent="0.4">
      <c r="B120" s="72"/>
      <c r="C120" s="72"/>
      <c r="E120" s="136"/>
      <c r="F120" s="136"/>
      <c r="G120" s="136"/>
    </row>
    <row r="121" spans="2:7" x14ac:dyDescent="0.35">
      <c r="B121" s="137" t="s">
        <v>30</v>
      </c>
      <c r="C121" s="137"/>
      <c r="E121" s="137" t="s">
        <v>31</v>
      </c>
      <c r="F121" s="137"/>
      <c r="G121" s="137"/>
    </row>
  </sheetData>
  <sheetProtection algorithmName="SHA-512" hashValue="fQobNa7DRhPHtR7kjpou74LIdNHRnoiwF1lrWi9sqm2jultWjR7DUPcKSqLczXaZxSXHn4Yie85qzPupGZBEnw==" saltValue="j0L1hOV4zaKCLr8HBhNgcQ=="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48">
    <mergeCell ref="B18:F18"/>
    <mergeCell ref="B111:D111"/>
    <mergeCell ref="B14:F14"/>
    <mergeCell ref="B7:F7"/>
    <mergeCell ref="B8:F8"/>
    <mergeCell ref="B9:F9"/>
    <mergeCell ref="B10:F10"/>
    <mergeCell ref="B11:F11"/>
    <mergeCell ref="B12:F12"/>
    <mergeCell ref="B13:F13"/>
    <mergeCell ref="B15:F15"/>
    <mergeCell ref="B16:F16"/>
    <mergeCell ref="B17:F17"/>
    <mergeCell ref="B21:F21"/>
    <mergeCell ref="B22:D22"/>
    <mergeCell ref="B25:F25"/>
    <mergeCell ref="C27:E27"/>
    <mergeCell ref="C39:E39"/>
    <mergeCell ref="C56:E56"/>
    <mergeCell ref="C66:E66"/>
    <mergeCell ref="AJ22:AK22"/>
    <mergeCell ref="AP22:AQ22"/>
    <mergeCell ref="B23:D23"/>
    <mergeCell ref="AD23:AE23"/>
    <mergeCell ref="AJ23:AK23"/>
    <mergeCell ref="AP23:AQ23"/>
    <mergeCell ref="AD22:AE22"/>
    <mergeCell ref="B105:C105"/>
    <mergeCell ref="B106:C106"/>
    <mergeCell ref="B107:C107"/>
    <mergeCell ref="B108:C108"/>
    <mergeCell ref="B104:E104"/>
    <mergeCell ref="B121:C121"/>
    <mergeCell ref="E121:G121"/>
    <mergeCell ref="B112:C112"/>
    <mergeCell ref="B113:C113"/>
    <mergeCell ref="E116:G116"/>
    <mergeCell ref="B117:C117"/>
    <mergeCell ref="E117:G117"/>
    <mergeCell ref="E120:G120"/>
    <mergeCell ref="B2:C2"/>
    <mergeCell ref="B3:C3"/>
    <mergeCell ref="B4:C4"/>
    <mergeCell ref="B5:C5"/>
    <mergeCell ref="D2:F2"/>
    <mergeCell ref="D3:F3"/>
    <mergeCell ref="D4:F4"/>
    <mergeCell ref="D5:F5"/>
  </mergeCells>
  <pageMargins left="0.25" right="0.25" top="0.75" bottom="0.75" header="0.3" footer="0.3"/>
  <pageSetup paperSize="9" scale="54" fitToHeight="2" orientation="portrait" r:id="rId1"/>
  <rowBreaks count="1" manualBreakCount="1">
    <brk id="65" max="6"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2A3AA04-2858-48C3-ADE4-DC2D8444E070}">
  <dimension ref="A1:AQ129"/>
  <sheetViews>
    <sheetView view="pageBreakPreview" topLeftCell="A9" zoomScaleNormal="85" zoomScaleSheetLayoutView="100" workbookViewId="0">
      <selection activeCell="B16" sqref="B16:F16"/>
    </sheetView>
  </sheetViews>
  <sheetFormatPr defaultColWidth="9.09765625" defaultRowHeight="16.149999999999999" x14ac:dyDescent="0.35"/>
  <cols>
    <col min="1" max="1" width="3.296875"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74"/>
      <c r="C1" s="74"/>
      <c r="D1" s="74"/>
      <c r="F1" s="73"/>
    </row>
    <row r="2" spans="1:8" x14ac:dyDescent="0.35">
      <c r="B2" s="175" t="s">
        <v>0</v>
      </c>
      <c r="C2" s="176" t="s">
        <v>164</v>
      </c>
      <c r="D2" s="177" t="s">
        <v>327</v>
      </c>
      <c r="E2" s="178"/>
      <c r="F2" s="179"/>
    </row>
    <row r="3" spans="1:8" ht="39.75" customHeight="1" x14ac:dyDescent="0.35">
      <c r="B3" s="180" t="s">
        <v>1</v>
      </c>
      <c r="C3" s="181" t="s">
        <v>168</v>
      </c>
      <c r="D3" s="197" t="s">
        <v>330</v>
      </c>
      <c r="E3" s="198"/>
      <c r="F3" s="199"/>
    </row>
    <row r="4" spans="1:8" x14ac:dyDescent="0.35">
      <c r="B4" s="180" t="s">
        <v>2</v>
      </c>
      <c r="C4" s="181" t="s">
        <v>318</v>
      </c>
      <c r="D4" s="185" t="s">
        <v>319</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194" t="s">
        <v>4</v>
      </c>
      <c r="C7" s="195"/>
      <c r="D7" s="195"/>
      <c r="E7" s="195"/>
      <c r="F7" s="196"/>
    </row>
    <row r="8" spans="1:8" ht="16.600000000000001" customHeight="1" x14ac:dyDescent="0.35">
      <c r="B8" s="153" t="s">
        <v>332</v>
      </c>
      <c r="C8" s="154"/>
      <c r="D8" s="154"/>
      <c r="E8" s="154"/>
      <c r="F8" s="155"/>
      <c r="G8" s="54"/>
      <c r="H8" s="54"/>
    </row>
    <row r="9" spans="1:8" ht="35.299999999999997" customHeight="1" x14ac:dyDescent="0.35">
      <c r="B9" s="164" t="s">
        <v>5</v>
      </c>
      <c r="C9" s="165"/>
      <c r="D9" s="165"/>
      <c r="E9" s="165"/>
      <c r="F9" s="166"/>
      <c r="G9" s="54"/>
      <c r="H9" s="54"/>
    </row>
    <row r="10" spans="1:8" x14ac:dyDescent="0.35">
      <c r="B10" s="164" t="s">
        <v>344</v>
      </c>
      <c r="C10" s="165"/>
      <c r="D10" s="165"/>
      <c r="E10" s="165"/>
      <c r="F10" s="166"/>
    </row>
    <row r="11" spans="1:8" ht="40.5" customHeight="1" x14ac:dyDescent="0.35">
      <c r="B11" s="164" t="s">
        <v>165</v>
      </c>
      <c r="C11" s="165"/>
      <c r="D11" s="165"/>
      <c r="E11" s="165"/>
      <c r="F11" s="166"/>
      <c r="G11" s="54"/>
      <c r="H11" s="54"/>
    </row>
    <row r="12" spans="1:8" ht="55.45" customHeight="1" x14ac:dyDescent="0.35">
      <c r="B12" s="164" t="s">
        <v>166</v>
      </c>
      <c r="C12" s="165"/>
      <c r="D12" s="165"/>
      <c r="E12" s="165"/>
      <c r="F12" s="166"/>
    </row>
    <row r="13" spans="1:8" x14ac:dyDescent="0.35">
      <c r="B13" s="164" t="s">
        <v>167</v>
      </c>
      <c r="C13" s="165"/>
      <c r="D13" s="165"/>
      <c r="E13" s="165"/>
      <c r="F13" s="166"/>
      <c r="G13" s="54"/>
      <c r="H13" s="54"/>
    </row>
    <row r="14" spans="1:8" x14ac:dyDescent="0.35">
      <c r="A14" s="81"/>
      <c r="B14" s="153" t="s">
        <v>354</v>
      </c>
      <c r="C14" s="154"/>
      <c r="D14" s="154"/>
      <c r="E14" s="154"/>
      <c r="F14" s="155"/>
      <c r="G14" s="81"/>
      <c r="H14" s="54"/>
    </row>
    <row r="15" spans="1:8" x14ac:dyDescent="0.35">
      <c r="A15" s="81"/>
      <c r="B15" s="188" t="s">
        <v>352</v>
      </c>
      <c r="C15" s="189"/>
      <c r="D15" s="189"/>
      <c r="E15" s="189"/>
      <c r="F15" s="190"/>
      <c r="G15" s="81"/>
      <c r="H15" s="54"/>
    </row>
    <row r="16" spans="1:8" ht="33" customHeight="1" x14ac:dyDescent="0.35">
      <c r="A16" s="81"/>
      <c r="B16" s="164" t="s">
        <v>346</v>
      </c>
      <c r="C16" s="165"/>
      <c r="D16" s="165"/>
      <c r="E16" s="165"/>
      <c r="F16" s="166"/>
      <c r="G16" s="81"/>
      <c r="H16" s="54"/>
    </row>
    <row r="17" spans="1:43" x14ac:dyDescent="0.35">
      <c r="A17" s="81"/>
      <c r="B17" s="153" t="s">
        <v>347</v>
      </c>
      <c r="C17" s="154"/>
      <c r="D17" s="154"/>
      <c r="E17" s="154"/>
      <c r="F17" s="155"/>
      <c r="G17" s="81"/>
      <c r="H17" s="54"/>
    </row>
    <row r="18" spans="1:43" ht="18" customHeight="1" thickBot="1" x14ac:dyDescent="0.4">
      <c r="A18" s="81"/>
      <c r="B18" s="167" t="s">
        <v>348</v>
      </c>
      <c r="C18" s="168"/>
      <c r="D18" s="168"/>
      <c r="E18" s="168"/>
      <c r="F18" s="169"/>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37.450000000000003" customHeight="1" thickBot="1" x14ac:dyDescent="0.35">
      <c r="B26" s="88" t="s">
        <v>170</v>
      </c>
      <c r="C26" s="88" t="s">
        <v>169</v>
      </c>
      <c r="D26" s="88" t="s">
        <v>7</v>
      </c>
      <c r="E26" s="88" t="s">
        <v>11</v>
      </c>
      <c r="F26" s="89" t="s">
        <v>12</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0">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4">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5"/>
    </row>
    <row r="56" spans="2:6" ht="16.7" thickBot="1" x14ac:dyDescent="0.4">
      <c r="B56" s="90">
        <v>3</v>
      </c>
      <c r="C56" s="140" t="s">
        <v>89</v>
      </c>
      <c r="D56" s="141"/>
      <c r="E56" s="142"/>
      <c r="F56" s="65"/>
    </row>
    <row r="57" spans="2:6" ht="32.25" x14ac:dyDescent="0.35">
      <c r="B57" s="90">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5"/>
    </row>
    <row r="66" spans="2:6" ht="16.7" thickBot="1" x14ac:dyDescent="0.4">
      <c r="B66" s="90">
        <v>4</v>
      </c>
      <c r="C66" s="140" t="s">
        <v>105</v>
      </c>
      <c r="D66" s="141"/>
      <c r="E66" s="142"/>
      <c r="F66" s="65"/>
    </row>
    <row r="67" spans="2:6" x14ac:dyDescent="0.35">
      <c r="B67" s="90">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4">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4">
        <v>4.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0">
        <v>4.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105"/>
    </row>
    <row r="102" spans="2:6" x14ac:dyDescent="0.35">
      <c r="B102" s="81"/>
      <c r="C102" s="81"/>
      <c r="D102" s="81"/>
      <c r="E102" s="81"/>
      <c r="F102" s="81"/>
    </row>
    <row r="103" spans="2:6" ht="16.7" thickBot="1" x14ac:dyDescent="0.4">
      <c r="B103" s="81"/>
      <c r="C103" s="81"/>
      <c r="D103" s="99"/>
      <c r="E103" s="81"/>
      <c r="F103" s="81"/>
    </row>
    <row r="104" spans="2:6" ht="16.7" thickBot="1" x14ac:dyDescent="0.4">
      <c r="B104" s="143" t="s">
        <v>173</v>
      </c>
      <c r="C104" s="144"/>
      <c r="D104" s="144"/>
      <c r="E104" s="145"/>
      <c r="F104" s="81"/>
    </row>
    <row r="105" spans="2:6" ht="16.7" thickBot="1" x14ac:dyDescent="0.4">
      <c r="B105" s="146" t="s">
        <v>13</v>
      </c>
      <c r="C105" s="147"/>
      <c r="D105" s="100" t="s">
        <v>14</v>
      </c>
      <c r="E105" s="100" t="s">
        <v>15</v>
      </c>
      <c r="F105" s="81"/>
    </row>
    <row r="106" spans="2:6" x14ac:dyDescent="0.35">
      <c r="B106" s="250" t="s">
        <v>273</v>
      </c>
      <c r="C106" s="251"/>
      <c r="D106" s="110" t="s">
        <v>284</v>
      </c>
      <c r="E106" s="77"/>
      <c r="F106" s="81"/>
    </row>
    <row r="107" spans="2:6" x14ac:dyDescent="0.35">
      <c r="B107" s="250" t="s">
        <v>274</v>
      </c>
      <c r="C107" s="251" t="s">
        <v>274</v>
      </c>
      <c r="D107" s="110" t="s">
        <v>285</v>
      </c>
      <c r="E107" s="69"/>
      <c r="F107" s="81"/>
    </row>
    <row r="108" spans="2:6" x14ac:dyDescent="0.35">
      <c r="B108" s="250" t="s">
        <v>275</v>
      </c>
      <c r="C108" s="251" t="s">
        <v>275</v>
      </c>
      <c r="D108" s="110" t="s">
        <v>286</v>
      </c>
      <c r="E108" s="69"/>
      <c r="F108" s="81"/>
    </row>
    <row r="109" spans="2:6" x14ac:dyDescent="0.35">
      <c r="B109" s="250" t="s">
        <v>276</v>
      </c>
      <c r="C109" s="251" t="s">
        <v>276</v>
      </c>
      <c r="D109" s="110" t="s">
        <v>286</v>
      </c>
      <c r="E109" s="69"/>
      <c r="F109" s="81"/>
    </row>
    <row r="110" spans="2:6" x14ac:dyDescent="0.35">
      <c r="B110" s="250" t="s">
        <v>277</v>
      </c>
      <c r="C110" s="251" t="s">
        <v>277</v>
      </c>
      <c r="D110" s="110" t="s">
        <v>287</v>
      </c>
      <c r="E110" s="69"/>
      <c r="F110" s="81"/>
    </row>
    <row r="111" spans="2:6" x14ac:dyDescent="0.35">
      <c r="B111" s="250" t="s">
        <v>278</v>
      </c>
      <c r="C111" s="251" t="s">
        <v>278</v>
      </c>
      <c r="D111" s="110" t="s">
        <v>288</v>
      </c>
      <c r="E111" s="69"/>
      <c r="F111" s="81"/>
    </row>
    <row r="112" spans="2:6" x14ac:dyDescent="0.35">
      <c r="B112" s="250" t="s">
        <v>279</v>
      </c>
      <c r="C112" s="251" t="s">
        <v>279</v>
      </c>
      <c r="D112" s="110" t="s">
        <v>289</v>
      </c>
      <c r="E112" s="69"/>
      <c r="F112" s="81"/>
    </row>
    <row r="113" spans="2:7" x14ac:dyDescent="0.35">
      <c r="B113" s="250" t="s">
        <v>280</v>
      </c>
      <c r="C113" s="251" t="s">
        <v>280</v>
      </c>
      <c r="D113" s="110" t="s">
        <v>290</v>
      </c>
      <c r="E113" s="69"/>
      <c r="F113" s="81"/>
    </row>
    <row r="114" spans="2:7" x14ac:dyDescent="0.35">
      <c r="B114" s="250" t="s">
        <v>281</v>
      </c>
      <c r="C114" s="251" t="s">
        <v>281</v>
      </c>
      <c r="D114" s="110" t="s">
        <v>291</v>
      </c>
      <c r="E114" s="69"/>
      <c r="F114" s="81"/>
    </row>
    <row r="115" spans="2:7" x14ac:dyDescent="0.35">
      <c r="B115" s="250" t="s">
        <v>282</v>
      </c>
      <c r="C115" s="251" t="s">
        <v>282</v>
      </c>
      <c r="D115" s="110" t="s">
        <v>292</v>
      </c>
      <c r="E115" s="69"/>
      <c r="F115" s="81"/>
    </row>
    <row r="116" spans="2:7" ht="16.7" thickBot="1" x14ac:dyDescent="0.4">
      <c r="B116" s="252" t="s">
        <v>283</v>
      </c>
      <c r="C116" s="253" t="s">
        <v>283</v>
      </c>
      <c r="D116" s="101" t="s">
        <v>293</v>
      </c>
      <c r="E116" s="70"/>
      <c r="F116" s="81"/>
    </row>
    <row r="117" spans="2:7" x14ac:dyDescent="0.35">
      <c r="B117" s="102"/>
      <c r="C117" s="103"/>
      <c r="D117" s="81"/>
      <c r="E117" s="81"/>
      <c r="F117" s="81"/>
    </row>
    <row r="118" spans="2:7" x14ac:dyDescent="0.35">
      <c r="B118" s="81"/>
      <c r="C118" s="81"/>
      <c r="D118" s="81"/>
      <c r="E118" s="81"/>
      <c r="F118" s="81"/>
    </row>
    <row r="119" spans="2:7" ht="16.7" thickBot="1" x14ac:dyDescent="0.4">
      <c r="B119" s="138" t="s">
        <v>24</v>
      </c>
      <c r="C119" s="139"/>
      <c r="D119" s="139"/>
      <c r="E119" s="81"/>
      <c r="F119" s="81"/>
    </row>
    <row r="120" spans="2:7" ht="16.7" thickBot="1" x14ac:dyDescent="0.4">
      <c r="B120" s="146" t="s">
        <v>25</v>
      </c>
      <c r="C120" s="147"/>
      <c r="D120" s="104" t="s">
        <v>26</v>
      </c>
      <c r="E120" s="81"/>
      <c r="F120" s="81"/>
    </row>
    <row r="121" spans="2:7" ht="16.7" thickBot="1" x14ac:dyDescent="0.4">
      <c r="B121" s="150" t="s">
        <v>27</v>
      </c>
      <c r="C121" s="151"/>
      <c r="D121" s="71"/>
      <c r="E121" s="81"/>
      <c r="F121" s="81"/>
    </row>
    <row r="124" spans="2:7" ht="16.7" thickBot="1" x14ac:dyDescent="0.4">
      <c r="B124" s="72"/>
      <c r="C124" s="72"/>
      <c r="E124" s="136"/>
      <c r="F124" s="136"/>
      <c r="G124" s="136"/>
    </row>
    <row r="125" spans="2:7" x14ac:dyDescent="0.35">
      <c r="B125" s="137" t="s">
        <v>28</v>
      </c>
      <c r="C125" s="137"/>
      <c r="E125" s="152" t="s">
        <v>29</v>
      </c>
      <c r="F125" s="152"/>
      <c r="G125" s="152"/>
    </row>
    <row r="128" spans="2:7" ht="16.7" thickBot="1" x14ac:dyDescent="0.4">
      <c r="B128" s="72"/>
      <c r="C128" s="72"/>
      <c r="E128" s="136"/>
      <c r="F128" s="136"/>
      <c r="G128" s="136"/>
    </row>
    <row r="129" spans="2:7" x14ac:dyDescent="0.35">
      <c r="B129" s="137" t="s">
        <v>30</v>
      </c>
      <c r="C129" s="137"/>
      <c r="E129" s="137" t="s">
        <v>31</v>
      </c>
      <c r="F129" s="137"/>
      <c r="G129" s="137"/>
    </row>
  </sheetData>
  <sheetProtection algorithmName="SHA-512" hashValue="NQ6wWc0WGgqT9+RX4wFT/5/NOfbw5KEE5JsNiXarn3v0TZ/M/Y6B7MVSZ96Dg/Tc5H27CbxSAhccvINRj3lEPg==" saltValue="/8qwJ3C2bf5wk/xi9EKpqA=="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56">
    <mergeCell ref="B119:D119"/>
    <mergeCell ref="B2:C2"/>
    <mergeCell ref="D2:F2"/>
    <mergeCell ref="B3:C3"/>
    <mergeCell ref="D3:F3"/>
    <mergeCell ref="B14:F14"/>
    <mergeCell ref="B7:F7"/>
    <mergeCell ref="B8:F8"/>
    <mergeCell ref="B9:F9"/>
    <mergeCell ref="B10:F10"/>
    <mergeCell ref="B11:F11"/>
    <mergeCell ref="B12:F12"/>
    <mergeCell ref="B13:F13"/>
    <mergeCell ref="B4:C4"/>
    <mergeCell ref="D4:F4"/>
    <mergeCell ref="B5:C5"/>
    <mergeCell ref="D5:F5"/>
    <mergeCell ref="B15:F15"/>
    <mergeCell ref="B16:F16"/>
    <mergeCell ref="B17:F17"/>
    <mergeCell ref="B21:F21"/>
    <mergeCell ref="B18:F18"/>
    <mergeCell ref="B22:D22"/>
    <mergeCell ref="B104:E104"/>
    <mergeCell ref="AJ22:AK22"/>
    <mergeCell ref="AP22:AQ22"/>
    <mergeCell ref="B23:D23"/>
    <mergeCell ref="AD23:AE23"/>
    <mergeCell ref="AJ23:AK23"/>
    <mergeCell ref="AP23:AQ23"/>
    <mergeCell ref="AD22:AE22"/>
    <mergeCell ref="B25:F25"/>
    <mergeCell ref="C27:E27"/>
    <mergeCell ref="C39:E39"/>
    <mergeCell ref="C56:E56"/>
    <mergeCell ref="C66:E66"/>
    <mergeCell ref="B129:C129"/>
    <mergeCell ref="E129:G129"/>
    <mergeCell ref="B120:C120"/>
    <mergeCell ref="B121:C121"/>
    <mergeCell ref="E124:G124"/>
    <mergeCell ref="B125:C125"/>
    <mergeCell ref="E125:G125"/>
    <mergeCell ref="E128:G128"/>
    <mergeCell ref="B116:C116"/>
    <mergeCell ref="B105:C105"/>
    <mergeCell ref="B106:C106"/>
    <mergeCell ref="B107:C107"/>
    <mergeCell ref="B108:C108"/>
    <mergeCell ref="B109:C109"/>
    <mergeCell ref="B110:C110"/>
    <mergeCell ref="B111:C111"/>
    <mergeCell ref="B112:C112"/>
    <mergeCell ref="B113:C113"/>
    <mergeCell ref="B114:C114"/>
    <mergeCell ref="B115:C115"/>
  </mergeCells>
  <pageMargins left="6.9444444444444441E-3" right="6.9444444444444441E-3" top="6.9444444444444441E-3" bottom="6.9444444444444441E-3" header="0.3" footer="0.3"/>
  <pageSetup paperSize="9" scale="49" orientation="portrait" r:id="rId1"/>
  <rowBreaks count="1" manualBreakCount="1">
    <brk id="65" max="6" man="1"/>
  </row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6B82AC-81BE-43F1-8A2E-3FF2D87C074B}">
  <dimension ref="A1:AQ119"/>
  <sheetViews>
    <sheetView view="pageBreakPreview" topLeftCell="A6" zoomScale="95" zoomScaleNormal="85" zoomScaleSheetLayoutView="95" workbookViewId="0">
      <selection activeCell="B14" sqref="B14:F14"/>
    </sheetView>
  </sheetViews>
  <sheetFormatPr defaultColWidth="9.09765625" defaultRowHeight="16.149999999999999" x14ac:dyDescent="0.35"/>
  <cols>
    <col min="1" max="1" width="3.3984375"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74"/>
      <c r="C1" s="74"/>
      <c r="D1" s="74"/>
      <c r="F1" s="73"/>
    </row>
    <row r="2" spans="1:8" x14ac:dyDescent="0.35">
      <c r="B2" s="175" t="s">
        <v>0</v>
      </c>
      <c r="C2" s="176" t="s">
        <v>164</v>
      </c>
      <c r="D2" s="177" t="s">
        <v>327</v>
      </c>
      <c r="E2" s="178"/>
      <c r="F2" s="179"/>
    </row>
    <row r="3" spans="1:8" ht="15.7" customHeight="1" x14ac:dyDescent="0.35">
      <c r="B3" s="180" t="s">
        <v>1</v>
      </c>
      <c r="C3" s="181" t="s">
        <v>168</v>
      </c>
      <c r="D3" s="235" t="s">
        <v>330</v>
      </c>
      <c r="E3" s="236"/>
      <c r="F3" s="237"/>
    </row>
    <row r="4" spans="1:8" x14ac:dyDescent="0.35">
      <c r="B4" s="180" t="s">
        <v>2</v>
      </c>
      <c r="C4" s="181" t="s">
        <v>319</v>
      </c>
      <c r="D4" s="185" t="s">
        <v>343</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254" t="s">
        <v>4</v>
      </c>
      <c r="C7" s="255"/>
      <c r="D7" s="255"/>
      <c r="E7" s="255"/>
      <c r="F7" s="256"/>
    </row>
    <row r="8" spans="1:8" ht="16.600000000000001" customHeight="1" x14ac:dyDescent="0.35">
      <c r="B8" s="153" t="s">
        <v>332</v>
      </c>
      <c r="C8" s="154"/>
      <c r="D8" s="154"/>
      <c r="E8" s="154"/>
      <c r="F8" s="155"/>
      <c r="G8" s="54"/>
      <c r="H8" s="54"/>
    </row>
    <row r="9" spans="1:8" ht="36" customHeight="1" x14ac:dyDescent="0.35">
      <c r="B9" s="164" t="s">
        <v>5</v>
      </c>
      <c r="C9" s="165"/>
      <c r="D9" s="165"/>
      <c r="E9" s="165"/>
      <c r="F9" s="166"/>
      <c r="G9" s="54"/>
      <c r="H9" s="54"/>
    </row>
    <row r="10" spans="1:8" x14ac:dyDescent="0.35">
      <c r="B10" s="164" t="s">
        <v>344</v>
      </c>
      <c r="C10" s="165"/>
      <c r="D10" s="165"/>
      <c r="E10" s="165"/>
      <c r="F10" s="166"/>
    </row>
    <row r="11" spans="1:8" ht="39.049999999999997" customHeight="1" x14ac:dyDescent="0.35">
      <c r="B11" s="164" t="s">
        <v>165</v>
      </c>
      <c r="C11" s="165"/>
      <c r="D11" s="165"/>
      <c r="E11" s="165"/>
      <c r="F11" s="166"/>
      <c r="G11" s="54"/>
      <c r="H11" s="54"/>
    </row>
    <row r="12" spans="1:8" ht="49.55" customHeight="1" x14ac:dyDescent="0.35">
      <c r="B12" s="164" t="s">
        <v>166</v>
      </c>
      <c r="C12" s="165"/>
      <c r="D12" s="165"/>
      <c r="E12" s="165"/>
      <c r="F12" s="166"/>
    </row>
    <row r="13" spans="1:8" x14ac:dyDescent="0.35">
      <c r="B13" s="164" t="s">
        <v>167</v>
      </c>
      <c r="C13" s="165"/>
      <c r="D13" s="165"/>
      <c r="E13" s="165"/>
      <c r="F13" s="166"/>
      <c r="G13" s="54"/>
      <c r="H13" s="54"/>
    </row>
    <row r="14" spans="1:8" x14ac:dyDescent="0.35">
      <c r="A14" s="81"/>
      <c r="B14" s="153" t="s">
        <v>354</v>
      </c>
      <c r="C14" s="154"/>
      <c r="D14" s="154"/>
      <c r="E14" s="154"/>
      <c r="F14" s="155"/>
      <c r="G14" s="81"/>
      <c r="H14" s="54"/>
    </row>
    <row r="15" spans="1:8" x14ac:dyDescent="0.35">
      <c r="A15" s="81"/>
      <c r="B15" s="188" t="s">
        <v>352</v>
      </c>
      <c r="C15" s="189"/>
      <c r="D15" s="189"/>
      <c r="E15" s="189"/>
      <c r="F15" s="190"/>
      <c r="G15" s="81"/>
      <c r="H15" s="54"/>
    </row>
    <row r="16" spans="1:8" ht="33" customHeight="1" x14ac:dyDescent="0.35">
      <c r="A16" s="81"/>
      <c r="B16" s="164" t="s">
        <v>346</v>
      </c>
      <c r="C16" s="165"/>
      <c r="D16" s="165"/>
      <c r="E16" s="165"/>
      <c r="F16" s="166"/>
      <c r="G16" s="81"/>
      <c r="H16" s="54"/>
    </row>
    <row r="17" spans="1:43" x14ac:dyDescent="0.35">
      <c r="A17" s="81"/>
      <c r="B17" s="153" t="s">
        <v>347</v>
      </c>
      <c r="C17" s="154"/>
      <c r="D17" s="154"/>
      <c r="E17" s="154"/>
      <c r="F17" s="155"/>
      <c r="G17" s="81"/>
      <c r="H17" s="54"/>
    </row>
    <row r="18" spans="1:43" ht="18" customHeight="1" thickBot="1" x14ac:dyDescent="0.4">
      <c r="A18" s="81"/>
      <c r="B18" s="167" t="s">
        <v>348</v>
      </c>
      <c r="C18" s="168"/>
      <c r="D18" s="168"/>
      <c r="E18" s="168"/>
      <c r="F18" s="169"/>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46.55" customHeight="1" thickBot="1" x14ac:dyDescent="0.35">
      <c r="B26" s="88" t="s">
        <v>170</v>
      </c>
      <c r="C26" s="88" t="s">
        <v>169</v>
      </c>
      <c r="D26" s="88" t="s">
        <v>7</v>
      </c>
      <c r="E26" s="88" t="s">
        <v>11</v>
      </c>
      <c r="F26" s="89" t="s">
        <v>12</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0">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4">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5"/>
    </row>
    <row r="56" spans="2:6" ht="16.7" thickBot="1" x14ac:dyDescent="0.4">
      <c r="B56" s="90">
        <v>3</v>
      </c>
      <c r="C56" s="140" t="s">
        <v>89</v>
      </c>
      <c r="D56" s="141"/>
      <c r="E56" s="142"/>
      <c r="F56" s="65"/>
    </row>
    <row r="57" spans="2:6" ht="32.25" x14ac:dyDescent="0.35">
      <c r="B57" s="90">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5"/>
    </row>
    <row r="66" spans="2:6" ht="16.7" thickBot="1" x14ac:dyDescent="0.4">
      <c r="B66" s="90">
        <v>4</v>
      </c>
      <c r="C66" s="140" t="s">
        <v>105</v>
      </c>
      <c r="D66" s="141"/>
      <c r="E66" s="142"/>
      <c r="F66" s="65"/>
    </row>
    <row r="67" spans="2:6" x14ac:dyDescent="0.35">
      <c r="B67" s="90">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4">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4">
        <v>4.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0">
        <v>4.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105"/>
    </row>
    <row r="102" spans="2:6" x14ac:dyDescent="0.35">
      <c r="B102" s="81"/>
      <c r="C102" s="81"/>
      <c r="D102" s="81"/>
      <c r="E102" s="81"/>
      <c r="F102" s="81"/>
    </row>
    <row r="103" spans="2:6" ht="16.7" thickBot="1" x14ac:dyDescent="0.4">
      <c r="B103" s="81"/>
      <c r="C103" s="81"/>
      <c r="D103" s="99"/>
      <c r="E103" s="81"/>
      <c r="F103" s="81"/>
    </row>
    <row r="104" spans="2:6" ht="16.7" thickBot="1" x14ac:dyDescent="0.4">
      <c r="B104" s="143" t="s">
        <v>173</v>
      </c>
      <c r="C104" s="144"/>
      <c r="D104" s="144"/>
      <c r="E104" s="145"/>
      <c r="F104" s="81"/>
    </row>
    <row r="105" spans="2:6" ht="16.7" thickBot="1" x14ac:dyDescent="0.4">
      <c r="B105" s="146" t="s">
        <v>13</v>
      </c>
      <c r="C105" s="147"/>
      <c r="D105" s="100" t="s">
        <v>14</v>
      </c>
      <c r="E105" s="100" t="s">
        <v>15</v>
      </c>
      <c r="F105" s="81"/>
    </row>
    <row r="106" spans="2:6" ht="16.7" thickBot="1" x14ac:dyDescent="0.4">
      <c r="B106" s="252" t="s">
        <v>294</v>
      </c>
      <c r="C106" s="253"/>
      <c r="D106" s="101" t="s">
        <v>295</v>
      </c>
      <c r="E106" s="79"/>
      <c r="F106" s="81"/>
    </row>
    <row r="107" spans="2:6" x14ac:dyDescent="0.35">
      <c r="B107" s="102"/>
      <c r="C107" s="103"/>
      <c r="D107" s="81"/>
      <c r="E107" s="81"/>
      <c r="F107" s="81"/>
    </row>
    <row r="108" spans="2:6" x14ac:dyDescent="0.35">
      <c r="B108" s="81"/>
      <c r="C108" s="81"/>
      <c r="D108" s="81"/>
      <c r="E108" s="81"/>
      <c r="F108" s="81"/>
    </row>
    <row r="109" spans="2:6" ht="16.7" thickBot="1" x14ac:dyDescent="0.4">
      <c r="B109" s="138" t="s">
        <v>24</v>
      </c>
      <c r="C109" s="139"/>
      <c r="D109" s="139"/>
      <c r="E109" s="81"/>
      <c r="F109" s="81"/>
    </row>
    <row r="110" spans="2:6" ht="16.7" thickBot="1" x14ac:dyDescent="0.4">
      <c r="B110" s="146" t="s">
        <v>25</v>
      </c>
      <c r="C110" s="147"/>
      <c r="D110" s="104" t="s">
        <v>26</v>
      </c>
      <c r="E110" s="81"/>
      <c r="F110" s="81"/>
    </row>
    <row r="111" spans="2:6" ht="16.7" thickBot="1" x14ac:dyDescent="0.4">
      <c r="B111" s="150" t="s">
        <v>27</v>
      </c>
      <c r="C111" s="151"/>
      <c r="D111" s="71"/>
      <c r="E111" s="81"/>
      <c r="F111" s="81"/>
    </row>
    <row r="114" spans="2:7" ht="16.7" thickBot="1" x14ac:dyDescent="0.4">
      <c r="B114" s="72"/>
      <c r="C114" s="72"/>
      <c r="E114" s="136"/>
      <c r="F114" s="136"/>
      <c r="G114" s="136"/>
    </row>
    <row r="115" spans="2:7" x14ac:dyDescent="0.35">
      <c r="B115" s="137" t="s">
        <v>28</v>
      </c>
      <c r="C115" s="137"/>
      <c r="E115" s="152" t="s">
        <v>29</v>
      </c>
      <c r="F115" s="152"/>
      <c r="G115" s="152"/>
    </row>
    <row r="118" spans="2:7" ht="16.7" thickBot="1" x14ac:dyDescent="0.4">
      <c r="B118" s="72"/>
      <c r="C118" s="72"/>
      <c r="E118" s="136"/>
      <c r="F118" s="136"/>
      <c r="G118" s="136"/>
    </row>
    <row r="119" spans="2:7" x14ac:dyDescent="0.35">
      <c r="B119" s="137" t="s">
        <v>30</v>
      </c>
      <c r="C119" s="137"/>
      <c r="E119" s="137" t="s">
        <v>31</v>
      </c>
      <c r="F119" s="137"/>
      <c r="G119" s="137"/>
    </row>
  </sheetData>
  <sheetProtection algorithmName="SHA-512" hashValue="2GqREEZ7i2sani/MsO58wWqUmJDhzJnrEidWpfJ1nDZafjIWfbZQu9ySDITo1PVbaZ2r1HR0PDx862D67Gfc1A==" saltValue="afN0HBb0azaizMAQcRL1tQ=="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46">
    <mergeCell ref="B2:C2"/>
    <mergeCell ref="D2:F2"/>
    <mergeCell ref="B3:C3"/>
    <mergeCell ref="D3:F3"/>
    <mergeCell ref="B14:F14"/>
    <mergeCell ref="B7:F7"/>
    <mergeCell ref="B8:F8"/>
    <mergeCell ref="B9:F9"/>
    <mergeCell ref="B10:F10"/>
    <mergeCell ref="B11:F11"/>
    <mergeCell ref="B12:F12"/>
    <mergeCell ref="B13:F13"/>
    <mergeCell ref="B4:C4"/>
    <mergeCell ref="D4:F4"/>
    <mergeCell ref="B5:C5"/>
    <mergeCell ref="D5:F5"/>
    <mergeCell ref="B15:F15"/>
    <mergeCell ref="B16:F16"/>
    <mergeCell ref="B17:F17"/>
    <mergeCell ref="B21:F21"/>
    <mergeCell ref="B22:D22"/>
    <mergeCell ref="B18:F18"/>
    <mergeCell ref="B25:F25"/>
    <mergeCell ref="C27:E27"/>
    <mergeCell ref="C39:E39"/>
    <mergeCell ref="C56:E56"/>
    <mergeCell ref="C66:E66"/>
    <mergeCell ref="AJ22:AK22"/>
    <mergeCell ref="AP22:AQ22"/>
    <mergeCell ref="B23:D23"/>
    <mergeCell ref="AD23:AE23"/>
    <mergeCell ref="AJ23:AK23"/>
    <mergeCell ref="AP23:AQ23"/>
    <mergeCell ref="AD22:AE22"/>
    <mergeCell ref="B104:E104"/>
    <mergeCell ref="B119:C119"/>
    <mergeCell ref="E119:G119"/>
    <mergeCell ref="B105:C105"/>
    <mergeCell ref="B106:C106"/>
    <mergeCell ref="B110:C110"/>
    <mergeCell ref="B111:C111"/>
    <mergeCell ref="E114:G114"/>
    <mergeCell ref="B115:C115"/>
    <mergeCell ref="E115:G115"/>
    <mergeCell ref="E118:G118"/>
    <mergeCell ref="B109:D109"/>
  </mergeCells>
  <pageMargins left="6.9444444444444441E-3" right="6.9444444444444441E-3" top="6.9444444444444441E-3" bottom="6.9444444444444441E-3" header="0.3" footer="0.3"/>
  <pageSetup paperSize="9" scale="49" orientation="portrait" r:id="rId1"/>
  <rowBreaks count="1" manualBreakCount="1">
    <brk id="65" max="6" man="1"/>
  </row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419514-B623-40D2-96C0-F4BEB89BCF2D}">
  <dimension ref="A1:AQ123"/>
  <sheetViews>
    <sheetView view="pageBreakPreview" topLeftCell="A8" zoomScale="96" zoomScaleNormal="85" zoomScaleSheetLayoutView="96" workbookViewId="0">
      <selection activeCell="B14" sqref="B14:F14"/>
    </sheetView>
  </sheetViews>
  <sheetFormatPr defaultColWidth="9.09765625" defaultRowHeight="16.149999999999999" x14ac:dyDescent="0.35"/>
  <cols>
    <col min="1" max="1" width="8"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107"/>
      <c r="C1" s="107"/>
      <c r="D1" s="107"/>
      <c r="E1" s="83"/>
      <c r="F1" s="106"/>
    </row>
    <row r="2" spans="1:8" x14ac:dyDescent="0.35">
      <c r="B2" s="175" t="s">
        <v>0</v>
      </c>
      <c r="C2" s="176" t="s">
        <v>164</v>
      </c>
      <c r="D2" s="177" t="s">
        <v>327</v>
      </c>
      <c r="E2" s="178"/>
      <c r="F2" s="179"/>
    </row>
    <row r="3" spans="1:8" ht="32.25" customHeight="1" x14ac:dyDescent="0.35">
      <c r="B3" s="180" t="s">
        <v>1</v>
      </c>
      <c r="C3" s="181" t="s">
        <v>168</v>
      </c>
      <c r="D3" s="235" t="s">
        <v>330</v>
      </c>
      <c r="E3" s="236"/>
      <c r="F3" s="237"/>
    </row>
    <row r="4" spans="1:8" x14ac:dyDescent="0.35">
      <c r="B4" s="180" t="s">
        <v>2</v>
      </c>
      <c r="C4" s="181" t="s">
        <v>320</v>
      </c>
      <c r="D4" s="185" t="s">
        <v>326</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194" t="s">
        <v>4</v>
      </c>
      <c r="C7" s="195"/>
      <c r="D7" s="195"/>
      <c r="E7" s="195"/>
      <c r="F7" s="196"/>
    </row>
    <row r="8" spans="1:8" ht="16.600000000000001" customHeight="1" x14ac:dyDescent="0.35">
      <c r="B8" s="153" t="s">
        <v>332</v>
      </c>
      <c r="C8" s="154"/>
      <c r="D8" s="154"/>
      <c r="E8" s="154"/>
      <c r="F8" s="155"/>
      <c r="G8" s="54"/>
      <c r="H8" s="54"/>
    </row>
    <row r="9" spans="1:8" ht="36.75" customHeight="1" x14ac:dyDescent="0.35">
      <c r="B9" s="164" t="s">
        <v>5</v>
      </c>
      <c r="C9" s="165"/>
      <c r="D9" s="165"/>
      <c r="E9" s="165"/>
      <c r="F9" s="166"/>
      <c r="G9" s="54"/>
      <c r="H9" s="54"/>
    </row>
    <row r="10" spans="1:8" x14ac:dyDescent="0.35">
      <c r="B10" s="164" t="s">
        <v>344</v>
      </c>
      <c r="C10" s="165"/>
      <c r="D10" s="165"/>
      <c r="E10" s="165"/>
      <c r="F10" s="166"/>
    </row>
    <row r="11" spans="1:8" ht="36.75" customHeight="1" x14ac:dyDescent="0.35">
      <c r="B11" s="164" t="s">
        <v>165</v>
      </c>
      <c r="C11" s="165"/>
      <c r="D11" s="165"/>
      <c r="E11" s="165"/>
      <c r="F11" s="166"/>
      <c r="G11" s="54"/>
      <c r="H11" s="54"/>
    </row>
    <row r="12" spans="1:8" ht="60.8" customHeight="1" x14ac:dyDescent="0.35">
      <c r="B12" s="164" t="s">
        <v>166</v>
      </c>
      <c r="C12" s="165"/>
      <c r="D12" s="165"/>
      <c r="E12" s="165"/>
      <c r="F12" s="166"/>
    </row>
    <row r="13" spans="1:8" ht="25.5" customHeight="1" x14ac:dyDescent="0.35">
      <c r="B13" s="164" t="s">
        <v>167</v>
      </c>
      <c r="C13" s="165"/>
      <c r="D13" s="165"/>
      <c r="E13" s="165"/>
      <c r="F13" s="166"/>
      <c r="G13" s="54"/>
      <c r="H13" s="54"/>
    </row>
    <row r="14" spans="1:8" x14ac:dyDescent="0.35">
      <c r="A14" s="81"/>
      <c r="B14" s="153" t="s">
        <v>354</v>
      </c>
      <c r="C14" s="154"/>
      <c r="D14" s="154"/>
      <c r="E14" s="154"/>
      <c r="F14" s="155"/>
      <c r="G14" s="81"/>
      <c r="H14" s="54"/>
    </row>
    <row r="15" spans="1:8" x14ac:dyDescent="0.35">
      <c r="A15" s="81"/>
      <c r="B15" s="188" t="s">
        <v>352</v>
      </c>
      <c r="C15" s="189"/>
      <c r="D15" s="189"/>
      <c r="E15" s="189"/>
      <c r="F15" s="190"/>
      <c r="G15" s="81"/>
      <c r="H15" s="54"/>
    </row>
    <row r="16" spans="1:8" ht="33" customHeight="1" x14ac:dyDescent="0.35">
      <c r="A16" s="81"/>
      <c r="B16" s="164" t="s">
        <v>346</v>
      </c>
      <c r="C16" s="165"/>
      <c r="D16" s="165"/>
      <c r="E16" s="165"/>
      <c r="F16" s="166"/>
      <c r="G16" s="81"/>
      <c r="H16" s="54"/>
    </row>
    <row r="17" spans="1:43" x14ac:dyDescent="0.35">
      <c r="A17" s="81"/>
      <c r="B17" s="153" t="s">
        <v>347</v>
      </c>
      <c r="C17" s="154"/>
      <c r="D17" s="154"/>
      <c r="E17" s="154"/>
      <c r="F17" s="155"/>
      <c r="G17" s="81"/>
      <c r="H17" s="54"/>
    </row>
    <row r="18" spans="1:43" ht="18" customHeight="1" thickBot="1" x14ac:dyDescent="0.4">
      <c r="A18" s="81"/>
      <c r="B18" s="167" t="s">
        <v>348</v>
      </c>
      <c r="C18" s="168"/>
      <c r="D18" s="168"/>
      <c r="E18" s="168"/>
      <c r="F18" s="169"/>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ht="14.25" customHeight="1"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46.55" customHeight="1" thickBot="1" x14ac:dyDescent="0.35">
      <c r="B26" s="88" t="s">
        <v>170</v>
      </c>
      <c r="C26" s="88" t="s">
        <v>169</v>
      </c>
      <c r="D26" s="88" t="s">
        <v>7</v>
      </c>
      <c r="E26" s="88" t="s">
        <v>11</v>
      </c>
      <c r="F26" s="89" t="s">
        <v>12</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0">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4">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5"/>
    </row>
    <row r="56" spans="2:6" ht="16.7" thickBot="1" x14ac:dyDescent="0.4">
      <c r="B56" s="90">
        <v>3</v>
      </c>
      <c r="C56" s="140" t="s">
        <v>89</v>
      </c>
      <c r="D56" s="141"/>
      <c r="E56" s="142"/>
      <c r="F56" s="65"/>
    </row>
    <row r="57" spans="2:6" ht="32.25" x14ac:dyDescent="0.35">
      <c r="B57" s="90">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5"/>
    </row>
    <row r="66" spans="2:6" ht="16.7" thickBot="1" x14ac:dyDescent="0.4">
      <c r="B66" s="90">
        <v>4</v>
      </c>
      <c r="C66" s="140" t="s">
        <v>105</v>
      </c>
      <c r="D66" s="141"/>
      <c r="E66" s="142"/>
      <c r="F66" s="65"/>
    </row>
    <row r="67" spans="2:6" x14ac:dyDescent="0.35">
      <c r="B67" s="90">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4">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4">
        <v>4.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4">
        <v>4.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105"/>
    </row>
    <row r="102" spans="2:6" x14ac:dyDescent="0.35">
      <c r="B102" s="81"/>
      <c r="C102" s="81"/>
      <c r="D102" s="81"/>
      <c r="E102" s="81"/>
      <c r="F102" s="81"/>
    </row>
    <row r="103" spans="2:6" ht="16.7" thickBot="1" x14ac:dyDescent="0.4">
      <c r="B103" s="81"/>
      <c r="C103" s="81"/>
      <c r="D103" s="99"/>
      <c r="E103" s="81"/>
      <c r="F103" s="81"/>
    </row>
    <row r="104" spans="2:6" ht="16.7" thickBot="1" x14ac:dyDescent="0.4">
      <c r="B104" s="143" t="s">
        <v>173</v>
      </c>
      <c r="C104" s="144"/>
      <c r="D104" s="144"/>
      <c r="E104" s="145"/>
      <c r="F104" s="81"/>
    </row>
    <row r="105" spans="2:6" ht="16.7" thickBot="1" x14ac:dyDescent="0.4">
      <c r="B105" s="146" t="s">
        <v>13</v>
      </c>
      <c r="C105" s="147"/>
      <c r="D105" s="100" t="s">
        <v>14</v>
      </c>
      <c r="E105" s="100" t="s">
        <v>15</v>
      </c>
      <c r="F105" s="81"/>
    </row>
    <row r="106" spans="2:6" x14ac:dyDescent="0.35">
      <c r="B106" s="250" t="s">
        <v>296</v>
      </c>
      <c r="C106" s="251"/>
      <c r="D106" s="110" t="s">
        <v>297</v>
      </c>
      <c r="E106" s="77"/>
      <c r="F106" s="81"/>
    </row>
    <row r="107" spans="2:6" x14ac:dyDescent="0.35">
      <c r="B107" s="250" t="s">
        <v>298</v>
      </c>
      <c r="C107" s="251"/>
      <c r="D107" s="110" t="s">
        <v>299</v>
      </c>
      <c r="E107" s="69"/>
      <c r="F107" s="81"/>
    </row>
    <row r="108" spans="2:6" x14ac:dyDescent="0.35">
      <c r="B108" s="250" t="s">
        <v>300</v>
      </c>
      <c r="C108" s="251"/>
      <c r="D108" s="110" t="s">
        <v>301</v>
      </c>
      <c r="E108" s="69"/>
      <c r="F108" s="81"/>
    </row>
    <row r="109" spans="2:6" x14ac:dyDescent="0.35">
      <c r="B109" s="250" t="s">
        <v>302</v>
      </c>
      <c r="C109" s="251"/>
      <c r="D109" s="110" t="s">
        <v>303</v>
      </c>
      <c r="E109" s="69"/>
      <c r="F109" s="81"/>
    </row>
    <row r="110" spans="2:6" ht="16.7" thickBot="1" x14ac:dyDescent="0.4">
      <c r="B110" s="252" t="s">
        <v>304</v>
      </c>
      <c r="C110" s="253"/>
      <c r="D110" s="101" t="s">
        <v>305</v>
      </c>
      <c r="E110" s="70"/>
      <c r="F110" s="81"/>
    </row>
    <row r="111" spans="2:6" x14ac:dyDescent="0.35">
      <c r="B111" s="102"/>
      <c r="C111" s="103"/>
      <c r="D111" s="81"/>
      <c r="E111" s="81"/>
      <c r="F111" s="81"/>
    </row>
    <row r="112" spans="2:6" x14ac:dyDescent="0.35">
      <c r="B112" s="81"/>
      <c r="C112" s="81"/>
      <c r="D112" s="81"/>
      <c r="E112" s="81"/>
      <c r="F112" s="81"/>
    </row>
    <row r="113" spans="2:7" ht="16.7" thickBot="1" x14ac:dyDescent="0.4">
      <c r="B113" s="138" t="s">
        <v>24</v>
      </c>
      <c r="C113" s="139"/>
      <c r="D113" s="139"/>
      <c r="E113" s="81"/>
      <c r="F113" s="81"/>
    </row>
    <row r="114" spans="2:7" ht="16.7" thickBot="1" x14ac:dyDescent="0.4">
      <c r="B114" s="146" t="s">
        <v>25</v>
      </c>
      <c r="C114" s="147"/>
      <c r="D114" s="104" t="s">
        <v>26</v>
      </c>
      <c r="E114" s="81"/>
      <c r="F114" s="81"/>
    </row>
    <row r="115" spans="2:7" ht="16.7" thickBot="1" x14ac:dyDescent="0.4">
      <c r="B115" s="150" t="s">
        <v>27</v>
      </c>
      <c r="C115" s="151"/>
      <c r="D115" s="71"/>
      <c r="E115" s="81"/>
      <c r="F115" s="81"/>
    </row>
    <row r="118" spans="2:7" ht="16.7" thickBot="1" x14ac:dyDescent="0.4">
      <c r="B118" s="72"/>
      <c r="C118" s="72"/>
      <c r="E118" s="136"/>
      <c r="F118" s="136"/>
      <c r="G118" s="136"/>
    </row>
    <row r="119" spans="2:7" x14ac:dyDescent="0.35">
      <c r="B119" s="137" t="s">
        <v>28</v>
      </c>
      <c r="C119" s="137"/>
      <c r="E119" s="152" t="s">
        <v>29</v>
      </c>
      <c r="F119" s="152"/>
      <c r="G119" s="152"/>
    </row>
    <row r="122" spans="2:7" ht="16.7" thickBot="1" x14ac:dyDescent="0.4">
      <c r="B122" s="72"/>
      <c r="C122" s="72"/>
      <c r="E122" s="136"/>
      <c r="F122" s="136"/>
      <c r="G122" s="136"/>
    </row>
    <row r="123" spans="2:7" x14ac:dyDescent="0.35">
      <c r="B123" s="137" t="s">
        <v>30</v>
      </c>
      <c r="C123" s="137"/>
      <c r="E123" s="137" t="s">
        <v>31</v>
      </c>
      <c r="F123" s="137"/>
      <c r="G123" s="137"/>
    </row>
  </sheetData>
  <sheetProtection algorithmName="SHA-512" hashValue="LFPckUcIFSxNsXnJ60FP8Qwsh/c63bAbYdIm2nXubcvz7QtYZ1h8ywmanDFuHcvLKMOyCKliP9mPfsoHkoUlFg==" saltValue="2324CrPpnOTptwqhsk3QuQ=="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50">
    <mergeCell ref="B2:C2"/>
    <mergeCell ref="D2:F2"/>
    <mergeCell ref="B3:C3"/>
    <mergeCell ref="D3:F3"/>
    <mergeCell ref="B14:F14"/>
    <mergeCell ref="B7:F7"/>
    <mergeCell ref="B8:F8"/>
    <mergeCell ref="B9:F9"/>
    <mergeCell ref="B10:F10"/>
    <mergeCell ref="B11:F11"/>
    <mergeCell ref="B12:F12"/>
    <mergeCell ref="B13:F13"/>
    <mergeCell ref="B4:C4"/>
    <mergeCell ref="D4:F4"/>
    <mergeCell ref="B5:C5"/>
    <mergeCell ref="D5:F5"/>
    <mergeCell ref="AJ22:AK22"/>
    <mergeCell ref="AP22:AQ22"/>
    <mergeCell ref="B23:D23"/>
    <mergeCell ref="AD23:AE23"/>
    <mergeCell ref="AJ23:AK23"/>
    <mergeCell ref="AP23:AQ23"/>
    <mergeCell ref="AD22:AE22"/>
    <mergeCell ref="B22:D22"/>
    <mergeCell ref="B123:C123"/>
    <mergeCell ref="E123:G123"/>
    <mergeCell ref="B106:C106"/>
    <mergeCell ref="B107:C107"/>
    <mergeCell ref="B108:C108"/>
    <mergeCell ref="B109:C109"/>
    <mergeCell ref="B110:C110"/>
    <mergeCell ref="B114:C114"/>
    <mergeCell ref="B115:C115"/>
    <mergeCell ref="E118:G118"/>
    <mergeCell ref="B119:C119"/>
    <mergeCell ref="E119:G119"/>
    <mergeCell ref="E122:G122"/>
    <mergeCell ref="B113:D113"/>
    <mergeCell ref="B15:F15"/>
    <mergeCell ref="B16:F16"/>
    <mergeCell ref="B17:F17"/>
    <mergeCell ref="B21:F21"/>
    <mergeCell ref="B105:C105"/>
    <mergeCell ref="B25:F25"/>
    <mergeCell ref="C27:E27"/>
    <mergeCell ref="C39:E39"/>
    <mergeCell ref="C56:E56"/>
    <mergeCell ref="C66:E66"/>
    <mergeCell ref="B104:E104"/>
    <mergeCell ref="B18:F18"/>
  </mergeCells>
  <pageMargins left="6.9444444444444441E-3" right="6.9444444444444441E-3" top="6.9444444444444441E-3" bottom="6.9444444444444441E-3" header="0.3" footer="0.3"/>
  <pageSetup paperSize="9" scale="52" orientation="portrait" r:id="rId1"/>
  <rowBreaks count="1" manualBreakCount="1">
    <brk id="65" max="6"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485611-AE0A-4A54-A4BD-DC2812BCE7F2}">
  <dimension ref="A1:AQ119"/>
  <sheetViews>
    <sheetView tabSelected="1" view="pageBreakPreview" zoomScaleNormal="85" zoomScaleSheetLayoutView="100" workbookViewId="0">
      <selection activeCell="B9" sqref="B9:F9"/>
    </sheetView>
  </sheetViews>
  <sheetFormatPr defaultColWidth="9.09765625" defaultRowHeight="16.149999999999999" x14ac:dyDescent="0.35"/>
  <cols>
    <col min="1" max="1" width="2.8984375"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107"/>
      <c r="C1" s="107"/>
      <c r="D1" s="107"/>
      <c r="E1" s="83"/>
      <c r="F1" s="106"/>
    </row>
    <row r="2" spans="1:8" x14ac:dyDescent="0.35">
      <c r="B2" s="175" t="s">
        <v>0</v>
      </c>
      <c r="C2" s="176" t="s">
        <v>164</v>
      </c>
      <c r="D2" s="177" t="s">
        <v>327</v>
      </c>
      <c r="E2" s="178"/>
      <c r="F2" s="179"/>
    </row>
    <row r="3" spans="1:8" x14ac:dyDescent="0.35">
      <c r="B3" s="180" t="s">
        <v>1</v>
      </c>
      <c r="C3" s="181" t="s">
        <v>168</v>
      </c>
      <c r="D3" s="182" t="s">
        <v>330</v>
      </c>
      <c r="E3" s="183"/>
      <c r="F3" s="184"/>
    </row>
    <row r="4" spans="1:8" x14ac:dyDescent="0.35">
      <c r="B4" s="180" t="s">
        <v>2</v>
      </c>
      <c r="C4" s="181" t="s">
        <v>321</v>
      </c>
      <c r="D4" s="185" t="s">
        <v>329</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194" t="s">
        <v>4</v>
      </c>
      <c r="C7" s="195"/>
      <c r="D7" s="195"/>
      <c r="E7" s="195"/>
      <c r="F7" s="196"/>
    </row>
    <row r="8" spans="1:8" ht="16.600000000000001" customHeight="1" x14ac:dyDescent="0.35">
      <c r="B8" s="153" t="s">
        <v>332</v>
      </c>
      <c r="C8" s="154"/>
      <c r="D8" s="154"/>
      <c r="E8" s="154"/>
      <c r="F8" s="155"/>
      <c r="G8" s="54"/>
      <c r="H8" s="54"/>
    </row>
    <row r="9" spans="1:8" x14ac:dyDescent="0.35">
      <c r="B9" s="164" t="s">
        <v>5</v>
      </c>
      <c r="C9" s="165"/>
      <c r="D9" s="165"/>
      <c r="E9" s="165"/>
      <c r="F9" s="166"/>
      <c r="G9" s="54"/>
      <c r="H9" s="54"/>
    </row>
    <row r="10" spans="1:8" x14ac:dyDescent="0.35">
      <c r="B10" s="164" t="s">
        <v>344</v>
      </c>
      <c r="C10" s="165"/>
      <c r="D10" s="165"/>
      <c r="E10" s="165"/>
      <c r="F10" s="166"/>
    </row>
    <row r="11" spans="1:8" ht="39.049999999999997" customHeight="1" x14ac:dyDescent="0.35">
      <c r="B11" s="164" t="s">
        <v>165</v>
      </c>
      <c r="C11" s="165"/>
      <c r="D11" s="165"/>
      <c r="E11" s="165"/>
      <c r="F11" s="166"/>
      <c r="G11" s="54"/>
      <c r="H11" s="54"/>
    </row>
    <row r="12" spans="1:8" ht="53.3" customHeight="1" x14ac:dyDescent="0.35">
      <c r="B12" s="164" t="s">
        <v>166</v>
      </c>
      <c r="C12" s="165"/>
      <c r="D12" s="165"/>
      <c r="E12" s="165"/>
      <c r="F12" s="166"/>
    </row>
    <row r="13" spans="1:8" x14ac:dyDescent="0.35">
      <c r="B13" s="164" t="s">
        <v>167</v>
      </c>
      <c r="C13" s="165"/>
      <c r="D13" s="165"/>
      <c r="E13" s="165"/>
      <c r="F13" s="166"/>
      <c r="G13" s="54"/>
      <c r="H13" s="54"/>
    </row>
    <row r="14" spans="1:8" x14ac:dyDescent="0.35">
      <c r="A14" s="81"/>
      <c r="B14" s="153" t="s">
        <v>354</v>
      </c>
      <c r="C14" s="154"/>
      <c r="D14" s="154"/>
      <c r="E14" s="154"/>
      <c r="F14" s="155"/>
      <c r="G14" s="81"/>
      <c r="H14" s="54"/>
    </row>
    <row r="15" spans="1:8" x14ac:dyDescent="0.35">
      <c r="A15" s="81"/>
      <c r="B15" s="188" t="s">
        <v>352</v>
      </c>
      <c r="C15" s="189"/>
      <c r="D15" s="189"/>
      <c r="E15" s="189"/>
      <c r="F15" s="190"/>
      <c r="G15" s="81"/>
      <c r="H15" s="54"/>
    </row>
    <row r="16" spans="1:8" ht="33" customHeight="1" x14ac:dyDescent="0.35">
      <c r="A16" s="81"/>
      <c r="B16" s="164" t="s">
        <v>346</v>
      </c>
      <c r="C16" s="165"/>
      <c r="D16" s="165"/>
      <c r="E16" s="165"/>
      <c r="F16" s="166"/>
      <c r="G16" s="81"/>
      <c r="H16" s="54"/>
    </row>
    <row r="17" spans="1:43" x14ac:dyDescent="0.35">
      <c r="A17" s="81"/>
      <c r="B17" s="153" t="s">
        <v>347</v>
      </c>
      <c r="C17" s="154"/>
      <c r="D17" s="154"/>
      <c r="E17" s="154"/>
      <c r="F17" s="155"/>
      <c r="G17" s="81"/>
      <c r="H17" s="54"/>
    </row>
    <row r="18" spans="1:43" ht="18" customHeight="1" thickBot="1" x14ac:dyDescent="0.4">
      <c r="A18" s="81"/>
      <c r="B18" s="167" t="s">
        <v>348</v>
      </c>
      <c r="C18" s="168"/>
      <c r="D18" s="168"/>
      <c r="E18" s="168"/>
      <c r="F18" s="169"/>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36.75" customHeight="1" thickBot="1" x14ac:dyDescent="0.35">
      <c r="B26" s="88" t="s">
        <v>170</v>
      </c>
      <c r="C26" s="88" t="s">
        <v>169</v>
      </c>
      <c r="D26" s="88" t="s">
        <v>7</v>
      </c>
      <c r="E26" s="88" t="s">
        <v>11</v>
      </c>
      <c r="F26" s="89" t="s">
        <v>353</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0">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4">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5"/>
    </row>
    <row r="56" spans="2:6" ht="16.7" thickBot="1" x14ac:dyDescent="0.4">
      <c r="B56" s="90">
        <v>3</v>
      </c>
      <c r="C56" s="140" t="s">
        <v>89</v>
      </c>
      <c r="D56" s="141"/>
      <c r="E56" s="142"/>
      <c r="F56" s="65"/>
    </row>
    <row r="57" spans="2:6" ht="32.25" x14ac:dyDescent="0.35">
      <c r="B57" s="90">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5"/>
    </row>
    <row r="66" spans="2:6" ht="16.7" thickBot="1" x14ac:dyDescent="0.4">
      <c r="B66" s="90">
        <v>4</v>
      </c>
      <c r="C66" s="140" t="s">
        <v>105</v>
      </c>
      <c r="D66" s="141"/>
      <c r="E66" s="142"/>
      <c r="F66" s="65"/>
    </row>
    <row r="67" spans="2:6" x14ac:dyDescent="0.35">
      <c r="B67" s="90">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4">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5" t="s">
        <v>32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5" t="s">
        <v>32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105"/>
    </row>
    <row r="102" spans="2:6" x14ac:dyDescent="0.35">
      <c r="B102" s="81"/>
      <c r="C102" s="81"/>
      <c r="D102" s="81"/>
      <c r="E102" s="81"/>
      <c r="F102" s="81"/>
    </row>
    <row r="103" spans="2:6" ht="16.7" thickBot="1" x14ac:dyDescent="0.4">
      <c r="B103" s="81"/>
      <c r="C103" s="81"/>
      <c r="D103" s="99"/>
      <c r="E103" s="81"/>
      <c r="F103" s="81"/>
    </row>
    <row r="104" spans="2:6" ht="16.7" thickBot="1" x14ac:dyDescent="0.4">
      <c r="B104" s="143" t="s">
        <v>173</v>
      </c>
      <c r="C104" s="144"/>
      <c r="D104" s="144"/>
      <c r="E104" s="145"/>
      <c r="F104" s="81"/>
    </row>
    <row r="105" spans="2:6" ht="16.7" thickBot="1" x14ac:dyDescent="0.4">
      <c r="B105" s="146" t="s">
        <v>13</v>
      </c>
      <c r="C105" s="147"/>
      <c r="D105" s="100" t="s">
        <v>14</v>
      </c>
      <c r="E105" s="100" t="s">
        <v>15</v>
      </c>
      <c r="F105" s="81"/>
    </row>
    <row r="106" spans="2:6" ht="16.7" thickBot="1" x14ac:dyDescent="0.4">
      <c r="B106" s="148" t="s">
        <v>306</v>
      </c>
      <c r="C106" s="149"/>
      <c r="D106" s="101" t="s">
        <v>307</v>
      </c>
      <c r="E106" s="79"/>
      <c r="F106" s="81"/>
    </row>
    <row r="107" spans="2:6" x14ac:dyDescent="0.35">
      <c r="B107" s="102"/>
      <c r="C107" s="103"/>
      <c r="D107" s="81"/>
      <c r="E107" s="81"/>
      <c r="F107" s="81"/>
    </row>
    <row r="108" spans="2:6" x14ac:dyDescent="0.35">
      <c r="B108" s="81"/>
      <c r="C108" s="81"/>
      <c r="D108" s="81"/>
      <c r="E108" s="81"/>
      <c r="F108" s="81"/>
    </row>
    <row r="109" spans="2:6" ht="16.7" thickBot="1" x14ac:dyDescent="0.4">
      <c r="B109" s="138" t="s">
        <v>24</v>
      </c>
      <c r="C109" s="139"/>
      <c r="D109" s="139"/>
      <c r="E109" s="81"/>
      <c r="F109" s="81"/>
    </row>
    <row r="110" spans="2:6" ht="16.7" thickBot="1" x14ac:dyDescent="0.4">
      <c r="B110" s="146" t="s">
        <v>25</v>
      </c>
      <c r="C110" s="147"/>
      <c r="D110" s="104" t="s">
        <v>26</v>
      </c>
      <c r="E110" s="81"/>
      <c r="F110" s="81"/>
    </row>
    <row r="111" spans="2:6" ht="16.7" thickBot="1" x14ac:dyDescent="0.4">
      <c r="B111" s="150" t="s">
        <v>27</v>
      </c>
      <c r="C111" s="151"/>
      <c r="D111" s="71"/>
      <c r="E111" s="81"/>
      <c r="F111" s="81"/>
    </row>
    <row r="114" spans="2:7" ht="16.7" thickBot="1" x14ac:dyDescent="0.4">
      <c r="B114" s="72"/>
      <c r="C114" s="72"/>
      <c r="E114" s="136"/>
      <c r="F114" s="136"/>
      <c r="G114" s="136"/>
    </row>
    <row r="115" spans="2:7" x14ac:dyDescent="0.35">
      <c r="B115" s="137" t="s">
        <v>28</v>
      </c>
      <c r="C115" s="137"/>
      <c r="E115" s="152" t="s">
        <v>29</v>
      </c>
      <c r="F115" s="152"/>
      <c r="G115" s="152"/>
    </row>
    <row r="118" spans="2:7" ht="16.7" thickBot="1" x14ac:dyDescent="0.4">
      <c r="B118" s="72"/>
      <c r="C118" s="72"/>
      <c r="E118" s="136"/>
      <c r="F118" s="136"/>
      <c r="G118" s="136"/>
    </row>
    <row r="119" spans="2:7" x14ac:dyDescent="0.35">
      <c r="B119" s="137" t="s">
        <v>30</v>
      </c>
      <c r="C119" s="137"/>
      <c r="E119" s="137" t="s">
        <v>31</v>
      </c>
      <c r="F119" s="137"/>
      <c r="G119" s="137"/>
    </row>
  </sheetData>
  <sheetProtection algorithmName="SHA-512" hashValue="ldTfP1gKH+6EhI6GkVRMHTGY486ihLqvNni5N3Tq6KO6dn2CRSAQEgBFF7c6w/6I8QAC0ADvoaYp5jXxI/39zw==" saltValue="OXYD1Xl4vidCtdQ3zAjGkw==" spinCount="100000" sheet="1" objects="1" scenarios="1"/>
  <protectedRanges>
    <protectedRange sqref="C9" name="Range1_14_2_1_2_1_2_2_2_2_1_2_1_2_2_3_1_1_1_2_1_1_2_1_1"/>
    <protectedRange sqref="C13:C15 C17" name="Range1_14_2_1_2_1_2_2_2_2_1_2_1_2_2_3_1_1_1_3_1_1_1_2_1"/>
    <protectedRange sqref="C11" name="Range1_14_2_1_2_1_2_2_2_2_1_2_1_2_2_3_1_1_1_3_1_1_1_1_1_1"/>
    <protectedRange sqref="C8" name="Range1_14_2_1_2_1_2_2_2_2_1_2_1_2_2_3_1_1_1_2_1_1_2_1_1_1"/>
  </protectedRanges>
  <mergeCells count="46">
    <mergeCell ref="B5:C5"/>
    <mergeCell ref="D5:F5"/>
    <mergeCell ref="B109:D109"/>
    <mergeCell ref="B2:C2"/>
    <mergeCell ref="D2:F2"/>
    <mergeCell ref="B3:C3"/>
    <mergeCell ref="D3:F3"/>
    <mergeCell ref="B4:C4"/>
    <mergeCell ref="D4:F4"/>
    <mergeCell ref="B15:F15"/>
    <mergeCell ref="B16:F16"/>
    <mergeCell ref="B17:F17"/>
    <mergeCell ref="B21:F21"/>
    <mergeCell ref="B14:F14"/>
    <mergeCell ref="B7:F7"/>
    <mergeCell ref="B8:F8"/>
    <mergeCell ref="AJ22:AK22"/>
    <mergeCell ref="AP22:AQ22"/>
    <mergeCell ref="B23:D23"/>
    <mergeCell ref="AD23:AE23"/>
    <mergeCell ref="AJ23:AK23"/>
    <mergeCell ref="AP23:AQ23"/>
    <mergeCell ref="AD22:AE22"/>
    <mergeCell ref="B22:D22"/>
    <mergeCell ref="B9:F9"/>
    <mergeCell ref="B10:F10"/>
    <mergeCell ref="B11:F11"/>
    <mergeCell ref="B12:F12"/>
    <mergeCell ref="B13:F13"/>
    <mergeCell ref="B18:F18"/>
    <mergeCell ref="E118:G118"/>
    <mergeCell ref="B119:C119"/>
    <mergeCell ref="E119:G119"/>
    <mergeCell ref="E114:G114"/>
    <mergeCell ref="B25:F25"/>
    <mergeCell ref="C27:E27"/>
    <mergeCell ref="C39:E39"/>
    <mergeCell ref="C56:E56"/>
    <mergeCell ref="C66:E66"/>
    <mergeCell ref="B104:E104"/>
    <mergeCell ref="B105:C105"/>
    <mergeCell ref="B106:C106"/>
    <mergeCell ref="B110:C110"/>
    <mergeCell ref="B111:C111"/>
    <mergeCell ref="B115:C115"/>
    <mergeCell ref="E115:G115"/>
  </mergeCells>
  <pageMargins left="6.9444444444444441E-3" right="6.9444444444444441E-3" top="6.9444444444444441E-3" bottom="6.9444444444444441E-3" header="0.3" footer="0.3"/>
  <pageSetup paperSize="9" scale="53" orientation="portrait" r:id="rId1"/>
  <rowBreaks count="1" manualBreakCount="1">
    <brk id="65" max="6"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FCFBA7-3F48-4905-A41D-78AA2A621FCB}">
  <dimension ref="A1:AQ124"/>
  <sheetViews>
    <sheetView view="pageBreakPreview" topLeftCell="A11" zoomScale="96" zoomScaleNormal="85" zoomScaleSheetLayoutView="96" workbookViewId="0">
      <selection activeCell="F20" sqref="F19:F20"/>
    </sheetView>
  </sheetViews>
  <sheetFormatPr defaultColWidth="9.09765625" defaultRowHeight="16.149999999999999" x14ac:dyDescent="0.35"/>
  <cols>
    <col min="1" max="1" width="4.3984375"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106"/>
      <c r="B1" s="107"/>
      <c r="C1" s="107"/>
      <c r="D1" s="107"/>
      <c r="E1" s="83"/>
      <c r="F1" s="106"/>
    </row>
    <row r="2" spans="1:8" x14ac:dyDescent="0.35">
      <c r="A2" s="81"/>
      <c r="B2" s="175" t="s">
        <v>0</v>
      </c>
      <c r="C2" s="176" t="s">
        <v>164</v>
      </c>
      <c r="D2" s="177" t="s">
        <v>327</v>
      </c>
      <c r="E2" s="178"/>
      <c r="F2" s="179"/>
    </row>
    <row r="3" spans="1:8" x14ac:dyDescent="0.35">
      <c r="A3" s="81"/>
      <c r="B3" s="180" t="s">
        <v>1</v>
      </c>
      <c r="C3" s="181" t="s">
        <v>168</v>
      </c>
      <c r="D3" s="197" t="s">
        <v>330</v>
      </c>
      <c r="E3" s="198"/>
      <c r="F3" s="199"/>
    </row>
    <row r="4" spans="1:8" ht="15.7" customHeight="1" x14ac:dyDescent="0.35">
      <c r="A4" s="81"/>
      <c r="B4" s="180" t="s">
        <v>2</v>
      </c>
      <c r="C4" s="181" t="s">
        <v>309</v>
      </c>
      <c r="D4" s="185" t="s">
        <v>331</v>
      </c>
      <c r="E4" s="186"/>
      <c r="F4" s="187"/>
    </row>
    <row r="5" spans="1:8" ht="16.7" thickBot="1" x14ac:dyDescent="0.4">
      <c r="A5" s="81"/>
      <c r="B5" s="170" t="s">
        <v>3</v>
      </c>
      <c r="C5" s="171"/>
      <c r="D5" s="172"/>
      <c r="E5" s="173"/>
      <c r="F5" s="174"/>
    </row>
    <row r="6" spans="1:8" ht="16.7" thickBot="1" x14ac:dyDescent="0.4">
      <c r="A6" s="81"/>
      <c r="B6" s="81"/>
      <c r="C6" s="81"/>
      <c r="D6" s="81"/>
      <c r="E6" s="81"/>
      <c r="F6" s="81"/>
    </row>
    <row r="7" spans="1:8" x14ac:dyDescent="0.35">
      <c r="A7" s="81"/>
      <c r="B7" s="207" t="s">
        <v>4</v>
      </c>
      <c r="C7" s="208"/>
      <c r="D7" s="208"/>
      <c r="E7" s="208"/>
      <c r="F7" s="209"/>
    </row>
    <row r="8" spans="1:8" x14ac:dyDescent="0.35">
      <c r="A8" s="81"/>
      <c r="B8" s="202" t="s">
        <v>332</v>
      </c>
      <c r="C8" s="203"/>
      <c r="D8" s="203"/>
      <c r="E8" s="203"/>
      <c r="F8" s="204"/>
      <c r="G8" s="54"/>
      <c r="H8" s="54"/>
    </row>
    <row r="9" spans="1:8" ht="20.3" customHeight="1" x14ac:dyDescent="0.35">
      <c r="A9" s="81"/>
      <c r="B9" s="210" t="s">
        <v>5</v>
      </c>
      <c r="C9" s="211"/>
      <c r="D9" s="211"/>
      <c r="E9" s="211"/>
      <c r="F9" s="212"/>
      <c r="G9" s="54"/>
      <c r="H9" s="54"/>
    </row>
    <row r="10" spans="1:8" x14ac:dyDescent="0.35">
      <c r="A10" s="81"/>
      <c r="B10" s="210" t="s">
        <v>344</v>
      </c>
      <c r="C10" s="211"/>
      <c r="D10" s="211"/>
      <c r="E10" s="211"/>
      <c r="F10" s="212"/>
    </row>
    <row r="11" spans="1:8" ht="38.299999999999997" customHeight="1" x14ac:dyDescent="0.35">
      <c r="A11" s="81"/>
      <c r="B11" s="210" t="s">
        <v>165</v>
      </c>
      <c r="C11" s="211"/>
      <c r="D11" s="211"/>
      <c r="E11" s="211"/>
      <c r="F11" s="212"/>
      <c r="G11" s="54"/>
      <c r="H11" s="54"/>
    </row>
    <row r="12" spans="1:8" ht="49.55" customHeight="1" x14ac:dyDescent="0.35">
      <c r="A12" s="81"/>
      <c r="B12" s="210" t="s">
        <v>166</v>
      </c>
      <c r="C12" s="211"/>
      <c r="D12" s="211"/>
      <c r="E12" s="211"/>
      <c r="F12" s="212"/>
    </row>
    <row r="13" spans="1:8" x14ac:dyDescent="0.35">
      <c r="A13" s="81"/>
      <c r="B13" s="202" t="s">
        <v>167</v>
      </c>
      <c r="C13" s="203"/>
      <c r="D13" s="203"/>
      <c r="E13" s="203"/>
      <c r="F13" s="204"/>
      <c r="G13" s="54"/>
      <c r="H13" s="54"/>
    </row>
    <row r="14" spans="1:8" x14ac:dyDescent="0.35">
      <c r="A14" s="81"/>
      <c r="B14" s="202" t="s">
        <v>354</v>
      </c>
      <c r="C14" s="203"/>
      <c r="D14" s="203"/>
      <c r="E14" s="203"/>
      <c r="F14" s="204"/>
      <c r="G14" s="81"/>
      <c r="H14" s="54"/>
    </row>
    <row r="15" spans="1:8" x14ac:dyDescent="0.35">
      <c r="A15" s="81"/>
      <c r="B15" s="216" t="s">
        <v>352</v>
      </c>
      <c r="C15" s="217"/>
      <c r="D15" s="217"/>
      <c r="E15" s="217"/>
      <c r="F15" s="218"/>
      <c r="G15" s="81"/>
      <c r="H15" s="54"/>
    </row>
    <row r="16" spans="1:8" ht="33" customHeight="1" x14ac:dyDescent="0.35">
      <c r="A16" s="81"/>
      <c r="B16" s="210" t="s">
        <v>346</v>
      </c>
      <c r="C16" s="211"/>
      <c r="D16" s="211"/>
      <c r="E16" s="211"/>
      <c r="F16" s="212"/>
      <c r="G16" s="81"/>
      <c r="H16" s="54"/>
    </row>
    <row r="17" spans="1:43" x14ac:dyDescent="0.35">
      <c r="A17" s="81"/>
      <c r="B17" s="202" t="s">
        <v>347</v>
      </c>
      <c r="C17" s="203"/>
      <c r="D17" s="203"/>
      <c r="E17" s="203"/>
      <c r="F17" s="204"/>
      <c r="G17" s="81"/>
      <c r="H17" s="54"/>
    </row>
    <row r="18" spans="1:43" ht="18" customHeight="1" thickBot="1" x14ac:dyDescent="0.4">
      <c r="A18" s="81"/>
      <c r="B18" s="213" t="s">
        <v>348</v>
      </c>
      <c r="C18" s="214"/>
      <c r="D18" s="214"/>
      <c r="E18" s="214"/>
      <c r="F18" s="215"/>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A21" s="81"/>
      <c r="B21" s="191" t="s">
        <v>6</v>
      </c>
      <c r="C21" s="192"/>
      <c r="D21" s="192"/>
      <c r="E21" s="192"/>
      <c r="F21" s="193"/>
      <c r="G21" s="57"/>
      <c r="H21" s="57"/>
      <c r="I21" s="57"/>
    </row>
    <row r="22" spans="1:43" x14ac:dyDescent="0.35">
      <c r="A22" s="81"/>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A23" s="81"/>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A24" s="81"/>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A25" s="81"/>
      <c r="B25" s="138" t="s">
        <v>32</v>
      </c>
      <c r="C25" s="139"/>
      <c r="D25" s="139"/>
      <c r="E25" s="139"/>
      <c r="F25" s="139"/>
    </row>
    <row r="26" spans="1:43" s="63" customFormat="1" ht="33" customHeight="1" thickBot="1" x14ac:dyDescent="0.35">
      <c r="A26" s="109"/>
      <c r="B26" s="88" t="s">
        <v>170</v>
      </c>
      <c r="C26" s="88" t="s">
        <v>169</v>
      </c>
      <c r="D26" s="88" t="s">
        <v>7</v>
      </c>
      <c r="E26" s="88" t="s">
        <v>11</v>
      </c>
      <c r="F26" s="89" t="s">
        <v>12</v>
      </c>
    </row>
    <row r="27" spans="1:43" ht="16.7" thickBot="1" x14ac:dyDescent="0.4">
      <c r="A27" s="81"/>
      <c r="B27" s="90">
        <v>1</v>
      </c>
      <c r="C27" s="140" t="s">
        <v>33</v>
      </c>
      <c r="D27" s="141"/>
      <c r="E27" s="142"/>
      <c r="F27" s="91"/>
    </row>
    <row r="28" spans="1:43" ht="32.25" x14ac:dyDescent="0.35">
      <c r="A28" s="81"/>
      <c r="B28" s="90">
        <v>1.1000000000000001</v>
      </c>
      <c r="C28" s="92" t="s">
        <v>34</v>
      </c>
      <c r="D28" s="93" t="s">
        <v>35</v>
      </c>
      <c r="E28" s="92" t="s">
        <v>172</v>
      </c>
      <c r="F28" s="66"/>
    </row>
    <row r="29" spans="1:43" x14ac:dyDescent="0.35">
      <c r="A29" s="81"/>
      <c r="B29" s="90">
        <v>1.2</v>
      </c>
      <c r="C29" s="92" t="s">
        <v>36</v>
      </c>
      <c r="D29" s="93" t="s">
        <v>37</v>
      </c>
      <c r="E29" s="92" t="s">
        <v>172</v>
      </c>
      <c r="F29" s="66"/>
    </row>
    <row r="30" spans="1:43" x14ac:dyDescent="0.35">
      <c r="A30" s="81"/>
      <c r="B30" s="90">
        <v>1.3</v>
      </c>
      <c r="C30" s="92" t="s">
        <v>38</v>
      </c>
      <c r="D30" s="93" t="s">
        <v>39</v>
      </c>
      <c r="E30" s="92" t="s">
        <v>40</v>
      </c>
      <c r="F30" s="66"/>
    </row>
    <row r="31" spans="1:43" ht="32.25" x14ac:dyDescent="0.35">
      <c r="A31" s="81"/>
      <c r="B31" s="90">
        <v>1.4</v>
      </c>
      <c r="C31" s="92" t="s">
        <v>349</v>
      </c>
      <c r="D31" s="93" t="s">
        <v>41</v>
      </c>
      <c r="E31" s="92" t="s">
        <v>42</v>
      </c>
      <c r="F31" s="66"/>
    </row>
    <row r="32" spans="1:43" x14ac:dyDescent="0.35">
      <c r="A32" s="81"/>
      <c r="B32" s="90">
        <v>1.5</v>
      </c>
      <c r="C32" s="92" t="s">
        <v>43</v>
      </c>
      <c r="D32" s="93" t="s">
        <v>44</v>
      </c>
      <c r="E32" s="92" t="s">
        <v>47</v>
      </c>
      <c r="F32" s="66"/>
    </row>
    <row r="33" spans="1:6" x14ac:dyDescent="0.35">
      <c r="A33" s="81"/>
      <c r="B33" s="90">
        <v>1.6</v>
      </c>
      <c r="C33" s="92" t="s">
        <v>45</v>
      </c>
      <c r="D33" s="93" t="s">
        <v>46</v>
      </c>
      <c r="E33" s="92" t="s">
        <v>47</v>
      </c>
      <c r="F33" s="66"/>
    </row>
    <row r="34" spans="1:6" x14ac:dyDescent="0.35">
      <c r="A34" s="81"/>
      <c r="B34" s="90">
        <v>1.7</v>
      </c>
      <c r="C34" s="92" t="s">
        <v>48</v>
      </c>
      <c r="D34" s="93" t="s">
        <v>49</v>
      </c>
      <c r="E34" s="92" t="s">
        <v>47</v>
      </c>
      <c r="F34" s="66"/>
    </row>
    <row r="35" spans="1:6" x14ac:dyDescent="0.35">
      <c r="A35" s="81"/>
      <c r="B35" s="90">
        <v>1.8</v>
      </c>
      <c r="C35" s="92" t="s">
        <v>50</v>
      </c>
      <c r="D35" s="93" t="s">
        <v>51</v>
      </c>
      <c r="E35" s="92" t="s">
        <v>40</v>
      </c>
      <c r="F35" s="66"/>
    </row>
    <row r="36" spans="1:6" x14ac:dyDescent="0.35">
      <c r="A36" s="81"/>
      <c r="B36" s="90">
        <v>1.9</v>
      </c>
      <c r="C36" s="92" t="s">
        <v>52</v>
      </c>
      <c r="D36" s="93" t="s">
        <v>53</v>
      </c>
      <c r="E36" s="92" t="s">
        <v>47</v>
      </c>
      <c r="F36" s="66"/>
    </row>
    <row r="37" spans="1:6" x14ac:dyDescent="0.35">
      <c r="A37" s="81"/>
      <c r="B37" s="94">
        <v>1.1000000000000001</v>
      </c>
      <c r="C37" s="92" t="s">
        <v>54</v>
      </c>
      <c r="D37" s="93" t="s">
        <v>55</v>
      </c>
      <c r="E37" s="92" t="s">
        <v>56</v>
      </c>
      <c r="F37" s="66"/>
    </row>
    <row r="38" spans="1:6" ht="16.7" thickBot="1" x14ac:dyDescent="0.4">
      <c r="A38" s="81"/>
      <c r="B38" s="90">
        <v>1.1100000000000001</v>
      </c>
      <c r="C38" s="92" t="s">
        <v>57</v>
      </c>
      <c r="D38" s="93" t="s">
        <v>58</v>
      </c>
      <c r="E38" s="92" t="s">
        <v>59</v>
      </c>
      <c r="F38" s="66"/>
    </row>
    <row r="39" spans="1:6" ht="16.7" thickBot="1" x14ac:dyDescent="0.4">
      <c r="A39" s="81"/>
      <c r="B39" s="90">
        <v>2</v>
      </c>
      <c r="C39" s="140" t="s">
        <v>60</v>
      </c>
      <c r="D39" s="141"/>
      <c r="E39" s="142"/>
      <c r="F39" s="65"/>
    </row>
    <row r="40" spans="1:6" x14ac:dyDescent="0.35">
      <c r="A40" s="81"/>
      <c r="B40" s="90">
        <v>2.1</v>
      </c>
      <c r="C40" s="92" t="s">
        <v>61</v>
      </c>
      <c r="D40" s="93" t="s">
        <v>62</v>
      </c>
      <c r="E40" s="92" t="s">
        <v>56</v>
      </c>
      <c r="F40" s="66"/>
    </row>
    <row r="41" spans="1:6" x14ac:dyDescent="0.35">
      <c r="A41" s="81"/>
      <c r="B41" s="90">
        <v>2.2000000000000002</v>
      </c>
      <c r="C41" s="92" t="s">
        <v>63</v>
      </c>
      <c r="D41" s="93" t="s">
        <v>64</v>
      </c>
      <c r="E41" s="92" t="s">
        <v>40</v>
      </c>
      <c r="F41" s="66"/>
    </row>
    <row r="42" spans="1:6" x14ac:dyDescent="0.35">
      <c r="A42" s="81"/>
      <c r="B42" s="90">
        <v>2.2999999999999998</v>
      </c>
      <c r="C42" s="92" t="s">
        <v>65</v>
      </c>
      <c r="D42" s="93" t="s">
        <v>350</v>
      </c>
      <c r="E42" s="92" t="s">
        <v>47</v>
      </c>
      <c r="F42" s="66"/>
    </row>
    <row r="43" spans="1:6" x14ac:dyDescent="0.35">
      <c r="A43" s="81"/>
      <c r="B43" s="90">
        <v>2.4</v>
      </c>
      <c r="C43" s="92" t="s">
        <v>66</v>
      </c>
      <c r="D43" s="93" t="s">
        <v>67</v>
      </c>
      <c r="E43" s="92" t="s">
        <v>56</v>
      </c>
      <c r="F43" s="66"/>
    </row>
    <row r="44" spans="1:6" x14ac:dyDescent="0.35">
      <c r="A44" s="81"/>
      <c r="B44" s="90">
        <v>2.5</v>
      </c>
      <c r="C44" s="92" t="s">
        <v>68</v>
      </c>
      <c r="D44" s="93" t="s">
        <v>69</v>
      </c>
      <c r="E44" s="92" t="s">
        <v>56</v>
      </c>
      <c r="F44" s="66"/>
    </row>
    <row r="45" spans="1:6" x14ac:dyDescent="0.35">
      <c r="A45" s="81"/>
      <c r="B45" s="90">
        <v>2.6</v>
      </c>
      <c r="C45" s="92" t="s">
        <v>70</v>
      </c>
      <c r="D45" s="93" t="s">
        <v>71</v>
      </c>
      <c r="E45" s="92" t="s">
        <v>56</v>
      </c>
      <c r="F45" s="66"/>
    </row>
    <row r="46" spans="1:6" x14ac:dyDescent="0.35">
      <c r="A46" s="81"/>
      <c r="B46" s="90">
        <v>2.7</v>
      </c>
      <c r="C46" s="92" t="s">
        <v>72</v>
      </c>
      <c r="D46" s="93" t="s">
        <v>73</v>
      </c>
      <c r="E46" s="92" t="s">
        <v>56</v>
      </c>
      <c r="F46" s="66"/>
    </row>
    <row r="47" spans="1:6" x14ac:dyDescent="0.35">
      <c r="A47" s="81"/>
      <c r="B47" s="90">
        <v>2.8</v>
      </c>
      <c r="C47" s="92" t="s">
        <v>74</v>
      </c>
      <c r="D47" s="93" t="s">
        <v>75</v>
      </c>
      <c r="E47" s="92" t="s">
        <v>56</v>
      </c>
      <c r="F47" s="66"/>
    </row>
    <row r="48" spans="1:6" x14ac:dyDescent="0.35">
      <c r="A48" s="81"/>
      <c r="B48" s="90">
        <v>2.9</v>
      </c>
      <c r="C48" s="92" t="s">
        <v>74</v>
      </c>
      <c r="D48" s="93" t="s">
        <v>76</v>
      </c>
      <c r="E48" s="92" t="s">
        <v>59</v>
      </c>
      <c r="F48" s="66"/>
    </row>
    <row r="49" spans="1:6" x14ac:dyDescent="0.35">
      <c r="A49" s="81"/>
      <c r="B49" s="94">
        <v>2.1</v>
      </c>
      <c r="C49" s="92" t="s">
        <v>77</v>
      </c>
      <c r="D49" s="93" t="s">
        <v>78</v>
      </c>
      <c r="E49" s="92" t="s">
        <v>56</v>
      </c>
      <c r="F49" s="66"/>
    </row>
    <row r="50" spans="1:6" x14ac:dyDescent="0.35">
      <c r="A50" s="81"/>
      <c r="B50" s="90">
        <v>2.11</v>
      </c>
      <c r="C50" s="92" t="s">
        <v>77</v>
      </c>
      <c r="D50" s="93" t="s">
        <v>79</v>
      </c>
      <c r="E50" s="92" t="s">
        <v>59</v>
      </c>
      <c r="F50" s="66"/>
    </row>
    <row r="51" spans="1:6" x14ac:dyDescent="0.35">
      <c r="A51" s="81"/>
      <c r="B51" s="90">
        <v>2.12</v>
      </c>
      <c r="C51" s="92" t="s">
        <v>80</v>
      </c>
      <c r="D51" s="93" t="s">
        <v>81</v>
      </c>
      <c r="E51" s="92" t="s">
        <v>56</v>
      </c>
      <c r="F51" s="66"/>
    </row>
    <row r="52" spans="1:6" x14ac:dyDescent="0.35">
      <c r="A52" s="81"/>
      <c r="B52" s="90">
        <v>2.13</v>
      </c>
      <c r="C52" s="92" t="s">
        <v>82</v>
      </c>
      <c r="D52" s="93" t="s">
        <v>83</v>
      </c>
      <c r="E52" s="92" t="s">
        <v>40</v>
      </c>
      <c r="F52" s="66"/>
    </row>
    <row r="53" spans="1:6" x14ac:dyDescent="0.35">
      <c r="A53" s="81"/>
      <c r="B53" s="90">
        <v>2.14</v>
      </c>
      <c r="C53" s="92" t="s">
        <v>84</v>
      </c>
      <c r="D53" s="93" t="s">
        <v>85</v>
      </c>
      <c r="E53" s="92" t="s">
        <v>86</v>
      </c>
      <c r="F53" s="66"/>
    </row>
    <row r="54" spans="1:6" x14ac:dyDescent="0.35">
      <c r="A54" s="81"/>
      <c r="B54" s="90">
        <v>2.15</v>
      </c>
      <c r="C54" s="92" t="s">
        <v>87</v>
      </c>
      <c r="D54" s="93" t="s">
        <v>88</v>
      </c>
      <c r="E54" s="92" t="s">
        <v>56</v>
      </c>
      <c r="F54" s="66"/>
    </row>
    <row r="55" spans="1:6" ht="16.7" thickBot="1" x14ac:dyDescent="0.4">
      <c r="A55" s="81"/>
      <c r="B55" s="90"/>
      <c r="C55" s="92"/>
      <c r="D55" s="93"/>
      <c r="E55" s="92"/>
      <c r="F55" s="66"/>
    </row>
    <row r="56" spans="1:6" ht="16.7" thickBot="1" x14ac:dyDescent="0.4">
      <c r="A56" s="81"/>
      <c r="B56" s="90">
        <v>3</v>
      </c>
      <c r="C56" s="140" t="s">
        <v>89</v>
      </c>
      <c r="D56" s="141"/>
      <c r="E56" s="142"/>
      <c r="F56" s="65"/>
    </row>
    <row r="57" spans="1:6" ht="32.25" x14ac:dyDescent="0.35">
      <c r="A57" s="81"/>
      <c r="B57" s="90">
        <v>3.1</v>
      </c>
      <c r="C57" s="92" t="s">
        <v>90</v>
      </c>
      <c r="D57" s="93" t="s">
        <v>91</v>
      </c>
      <c r="E57" s="92" t="s">
        <v>40</v>
      </c>
      <c r="F57" s="66"/>
    </row>
    <row r="58" spans="1:6" x14ac:dyDescent="0.35">
      <c r="A58" s="81"/>
      <c r="B58" s="90">
        <v>3.2</v>
      </c>
      <c r="C58" s="92" t="s">
        <v>92</v>
      </c>
      <c r="D58" s="93" t="s">
        <v>171</v>
      </c>
      <c r="E58" s="92" t="s">
        <v>86</v>
      </c>
      <c r="F58" s="66"/>
    </row>
    <row r="59" spans="1:6" x14ac:dyDescent="0.35">
      <c r="A59" s="81"/>
      <c r="B59" s="90">
        <v>3.3</v>
      </c>
      <c r="C59" s="92" t="s">
        <v>93</v>
      </c>
      <c r="D59" s="93" t="s">
        <v>94</v>
      </c>
      <c r="E59" s="92" t="s">
        <v>40</v>
      </c>
      <c r="F59" s="66"/>
    </row>
    <row r="60" spans="1:6" x14ac:dyDescent="0.35">
      <c r="A60" s="81"/>
      <c r="B60" s="90">
        <v>3.4</v>
      </c>
      <c r="C60" s="92" t="s">
        <v>95</v>
      </c>
      <c r="D60" s="93" t="s">
        <v>96</v>
      </c>
      <c r="E60" s="92" t="s">
        <v>47</v>
      </c>
      <c r="F60" s="66"/>
    </row>
    <row r="61" spans="1:6" x14ac:dyDescent="0.35">
      <c r="A61" s="81"/>
      <c r="B61" s="90">
        <v>3.5</v>
      </c>
      <c r="C61" s="92" t="s">
        <v>97</v>
      </c>
      <c r="D61" s="93" t="s">
        <v>98</v>
      </c>
      <c r="E61" s="92" t="s">
        <v>40</v>
      </c>
      <c r="F61" s="66"/>
    </row>
    <row r="62" spans="1:6" x14ac:dyDescent="0.35">
      <c r="A62" s="81"/>
      <c r="B62" s="90">
        <v>3.6</v>
      </c>
      <c r="C62" s="92" t="s">
        <v>99</v>
      </c>
      <c r="D62" s="93" t="s">
        <v>100</v>
      </c>
      <c r="E62" s="92" t="s">
        <v>40</v>
      </c>
      <c r="F62" s="66"/>
    </row>
    <row r="63" spans="1:6" x14ac:dyDescent="0.35">
      <c r="A63" s="81"/>
      <c r="B63" s="90">
        <v>3.7</v>
      </c>
      <c r="C63" s="92" t="s">
        <v>101</v>
      </c>
      <c r="D63" s="93" t="s">
        <v>102</v>
      </c>
      <c r="E63" s="92" t="s">
        <v>40</v>
      </c>
      <c r="F63" s="66"/>
    </row>
    <row r="64" spans="1:6" x14ac:dyDescent="0.35">
      <c r="A64" s="81"/>
      <c r="B64" s="90">
        <v>3.8</v>
      </c>
      <c r="C64" s="92" t="s">
        <v>103</v>
      </c>
      <c r="D64" s="93" t="s">
        <v>104</v>
      </c>
      <c r="E64" s="92" t="s">
        <v>40</v>
      </c>
      <c r="F64" s="66"/>
    </row>
    <row r="65" spans="1:6" ht="16.7" thickBot="1" x14ac:dyDescent="0.4">
      <c r="A65" s="81"/>
      <c r="B65" s="90"/>
      <c r="C65" s="92"/>
      <c r="D65" s="93"/>
      <c r="E65" s="111"/>
      <c r="F65" s="65"/>
    </row>
    <row r="66" spans="1:6" ht="16.7" thickBot="1" x14ac:dyDescent="0.4">
      <c r="A66" s="81"/>
      <c r="B66" s="90">
        <v>4</v>
      </c>
      <c r="C66" s="140" t="s">
        <v>105</v>
      </c>
      <c r="D66" s="141"/>
      <c r="E66" s="142"/>
      <c r="F66" s="65"/>
    </row>
    <row r="67" spans="1:6" x14ac:dyDescent="0.35">
      <c r="A67" s="81"/>
      <c r="B67" s="90">
        <v>4.0999999999999996</v>
      </c>
      <c r="C67" s="92" t="s">
        <v>106</v>
      </c>
      <c r="D67" s="93" t="s">
        <v>107</v>
      </c>
      <c r="E67" s="92" t="s">
        <v>40</v>
      </c>
      <c r="F67" s="66"/>
    </row>
    <row r="68" spans="1:6" x14ac:dyDescent="0.35">
      <c r="A68" s="81"/>
      <c r="B68" s="90">
        <v>4.2</v>
      </c>
      <c r="C68" s="92" t="s">
        <v>108</v>
      </c>
      <c r="D68" s="93" t="s">
        <v>109</v>
      </c>
      <c r="E68" s="92" t="s">
        <v>40</v>
      </c>
      <c r="F68" s="66"/>
    </row>
    <row r="69" spans="1:6" x14ac:dyDescent="0.35">
      <c r="A69" s="81"/>
      <c r="B69" s="90">
        <v>4.3</v>
      </c>
      <c r="C69" s="92" t="s">
        <v>110</v>
      </c>
      <c r="D69" s="93" t="s">
        <v>111</v>
      </c>
      <c r="E69" s="92" t="s">
        <v>40</v>
      </c>
      <c r="F69" s="66"/>
    </row>
    <row r="70" spans="1:6" x14ac:dyDescent="0.35">
      <c r="A70" s="81"/>
      <c r="B70" s="90">
        <v>4.4000000000000004</v>
      </c>
      <c r="C70" s="92" t="s">
        <v>112</v>
      </c>
      <c r="D70" s="93" t="s">
        <v>113</v>
      </c>
      <c r="E70" s="92" t="s">
        <v>40</v>
      </c>
      <c r="F70" s="66"/>
    </row>
    <row r="71" spans="1:6" x14ac:dyDescent="0.35">
      <c r="A71" s="81"/>
      <c r="B71" s="90">
        <v>4.5</v>
      </c>
      <c r="C71" s="92" t="s">
        <v>114</v>
      </c>
      <c r="D71" s="93" t="s">
        <v>115</v>
      </c>
      <c r="E71" s="92" t="s">
        <v>40</v>
      </c>
      <c r="F71" s="66"/>
    </row>
    <row r="72" spans="1:6" x14ac:dyDescent="0.35">
      <c r="A72" s="81"/>
      <c r="B72" s="90">
        <v>4.5999999999999996</v>
      </c>
      <c r="C72" s="92" t="s">
        <v>116</v>
      </c>
      <c r="D72" s="93" t="s">
        <v>117</v>
      </c>
      <c r="E72" s="92" t="s">
        <v>40</v>
      </c>
      <c r="F72" s="67"/>
    </row>
    <row r="73" spans="1:6" x14ac:dyDescent="0.35">
      <c r="A73" s="81"/>
      <c r="B73" s="90">
        <v>4.7</v>
      </c>
      <c r="C73" s="92" t="s">
        <v>118</v>
      </c>
      <c r="D73" s="93" t="s">
        <v>119</v>
      </c>
      <c r="E73" s="92" t="s">
        <v>40</v>
      </c>
      <c r="F73" s="67"/>
    </row>
    <row r="74" spans="1:6" x14ac:dyDescent="0.35">
      <c r="A74" s="81"/>
      <c r="B74" s="90">
        <v>4.8</v>
      </c>
      <c r="C74" s="92" t="s">
        <v>120</v>
      </c>
      <c r="D74" s="93" t="s">
        <v>121</v>
      </c>
      <c r="E74" s="92" t="s">
        <v>40</v>
      </c>
      <c r="F74" s="67"/>
    </row>
    <row r="75" spans="1:6" x14ac:dyDescent="0.35">
      <c r="A75" s="81"/>
      <c r="B75" s="90">
        <v>4.9000000000000004</v>
      </c>
      <c r="C75" s="92" t="s">
        <v>120</v>
      </c>
      <c r="D75" s="93" t="s">
        <v>122</v>
      </c>
      <c r="E75" s="92" t="s">
        <v>40</v>
      </c>
      <c r="F75" s="67"/>
    </row>
    <row r="76" spans="1:6" x14ac:dyDescent="0.35">
      <c r="A76" s="81"/>
      <c r="B76" s="94">
        <v>4.0999999999999996</v>
      </c>
      <c r="C76" s="92" t="s">
        <v>123</v>
      </c>
      <c r="D76" s="93" t="s">
        <v>124</v>
      </c>
      <c r="E76" s="92" t="s">
        <v>40</v>
      </c>
      <c r="F76" s="67"/>
    </row>
    <row r="77" spans="1:6" x14ac:dyDescent="0.35">
      <c r="A77" s="81"/>
      <c r="B77" s="90">
        <v>4.1100000000000003</v>
      </c>
      <c r="C77" s="92" t="s">
        <v>125</v>
      </c>
      <c r="D77" s="93" t="s">
        <v>126</v>
      </c>
      <c r="E77" s="92" t="s">
        <v>40</v>
      </c>
      <c r="F77" s="67"/>
    </row>
    <row r="78" spans="1:6" x14ac:dyDescent="0.35">
      <c r="A78" s="81"/>
      <c r="B78" s="90">
        <v>4.12</v>
      </c>
      <c r="C78" s="92" t="s">
        <v>127</v>
      </c>
      <c r="D78" s="93" t="s">
        <v>128</v>
      </c>
      <c r="E78" s="92" t="s">
        <v>40</v>
      </c>
      <c r="F78" s="67"/>
    </row>
    <row r="79" spans="1:6" x14ac:dyDescent="0.35">
      <c r="A79" s="81"/>
      <c r="B79" s="90">
        <v>4.13</v>
      </c>
      <c r="C79" s="92" t="s">
        <v>129</v>
      </c>
      <c r="D79" s="93" t="s">
        <v>130</v>
      </c>
      <c r="E79" s="92" t="s">
        <v>40</v>
      </c>
      <c r="F79" s="67"/>
    </row>
    <row r="80" spans="1:6" x14ac:dyDescent="0.35">
      <c r="A80" s="81"/>
      <c r="B80" s="90">
        <v>4.1399999999999997</v>
      </c>
      <c r="C80" s="92" t="s">
        <v>351</v>
      </c>
      <c r="D80" s="93" t="s">
        <v>131</v>
      </c>
      <c r="E80" s="92" t="s">
        <v>56</v>
      </c>
      <c r="F80" s="67"/>
    </row>
    <row r="81" spans="1:6" x14ac:dyDescent="0.35">
      <c r="A81" s="81"/>
      <c r="B81" s="90">
        <v>4.1500000000000004</v>
      </c>
      <c r="C81" s="92" t="s">
        <v>132</v>
      </c>
      <c r="D81" s="93" t="s">
        <v>133</v>
      </c>
      <c r="E81" s="92" t="s">
        <v>40</v>
      </c>
      <c r="F81" s="67"/>
    </row>
    <row r="82" spans="1:6" x14ac:dyDescent="0.35">
      <c r="A82" s="81"/>
      <c r="B82" s="90">
        <v>4.16</v>
      </c>
      <c r="C82" s="92" t="s">
        <v>132</v>
      </c>
      <c r="D82" s="93" t="s">
        <v>134</v>
      </c>
      <c r="E82" s="92" t="s">
        <v>40</v>
      </c>
      <c r="F82" s="67"/>
    </row>
    <row r="83" spans="1:6" x14ac:dyDescent="0.35">
      <c r="A83" s="81"/>
      <c r="B83" s="90">
        <v>4.17</v>
      </c>
      <c r="C83" s="92" t="s">
        <v>135</v>
      </c>
      <c r="D83" s="93" t="s">
        <v>136</v>
      </c>
      <c r="E83" s="92" t="s">
        <v>40</v>
      </c>
      <c r="F83" s="67"/>
    </row>
    <row r="84" spans="1:6" x14ac:dyDescent="0.35">
      <c r="A84" s="81"/>
      <c r="B84" s="90">
        <v>4.18</v>
      </c>
      <c r="C84" s="92" t="s">
        <v>135</v>
      </c>
      <c r="D84" s="93" t="s">
        <v>137</v>
      </c>
      <c r="E84" s="92" t="s">
        <v>40</v>
      </c>
      <c r="F84" s="67"/>
    </row>
    <row r="85" spans="1:6" x14ac:dyDescent="0.35">
      <c r="A85" s="81"/>
      <c r="B85" s="90">
        <v>4.1900000000000004</v>
      </c>
      <c r="C85" s="92" t="s">
        <v>138</v>
      </c>
      <c r="D85" s="93" t="s">
        <v>139</v>
      </c>
      <c r="E85" s="92" t="s">
        <v>40</v>
      </c>
      <c r="F85" s="67"/>
    </row>
    <row r="86" spans="1:6" x14ac:dyDescent="0.35">
      <c r="A86" s="81"/>
      <c r="B86" s="94">
        <v>4.2</v>
      </c>
      <c r="C86" s="92" t="s">
        <v>140</v>
      </c>
      <c r="D86" s="93" t="s">
        <v>141</v>
      </c>
      <c r="E86" s="92" t="s">
        <v>40</v>
      </c>
      <c r="F86" s="67"/>
    </row>
    <row r="87" spans="1:6" x14ac:dyDescent="0.35">
      <c r="A87" s="81"/>
      <c r="B87" s="90">
        <v>4.21</v>
      </c>
      <c r="C87" s="92" t="s">
        <v>142</v>
      </c>
      <c r="D87" s="93" t="s">
        <v>143</v>
      </c>
      <c r="E87" s="92" t="s">
        <v>40</v>
      </c>
      <c r="F87" s="67"/>
    </row>
    <row r="88" spans="1:6" x14ac:dyDescent="0.35">
      <c r="A88" s="81"/>
      <c r="B88" s="90">
        <v>4.22</v>
      </c>
      <c r="C88" s="92" t="s">
        <v>144</v>
      </c>
      <c r="D88" s="93" t="s">
        <v>145</v>
      </c>
      <c r="E88" s="92" t="s">
        <v>56</v>
      </c>
      <c r="F88" s="67"/>
    </row>
    <row r="89" spans="1:6" x14ac:dyDescent="0.35">
      <c r="A89" s="81"/>
      <c r="B89" s="90">
        <v>4.2300000000000004</v>
      </c>
      <c r="C89" s="92" t="s">
        <v>146</v>
      </c>
      <c r="D89" s="93" t="s">
        <v>147</v>
      </c>
      <c r="E89" s="92" t="s">
        <v>56</v>
      </c>
      <c r="F89" s="67"/>
    </row>
    <row r="90" spans="1:6" x14ac:dyDescent="0.35">
      <c r="A90" s="81"/>
      <c r="B90" s="90">
        <v>4.24</v>
      </c>
      <c r="C90" s="92" t="s">
        <v>146</v>
      </c>
      <c r="D90" s="93" t="s">
        <v>148</v>
      </c>
      <c r="E90" s="92" t="s">
        <v>56</v>
      </c>
      <c r="F90" s="67"/>
    </row>
    <row r="91" spans="1:6" x14ac:dyDescent="0.35">
      <c r="A91" s="81"/>
      <c r="B91" s="90">
        <v>4.25</v>
      </c>
      <c r="C91" s="92" t="s">
        <v>146</v>
      </c>
      <c r="D91" s="93" t="s">
        <v>149</v>
      </c>
      <c r="E91" s="92" t="s">
        <v>56</v>
      </c>
      <c r="F91" s="67"/>
    </row>
    <row r="92" spans="1:6" x14ac:dyDescent="0.35">
      <c r="A92" s="81"/>
      <c r="B92" s="90">
        <v>4.26</v>
      </c>
      <c r="C92" s="92" t="s">
        <v>150</v>
      </c>
      <c r="D92" s="93" t="s">
        <v>151</v>
      </c>
      <c r="E92" s="92" t="s">
        <v>56</v>
      </c>
      <c r="F92" s="67"/>
    </row>
    <row r="93" spans="1:6" x14ac:dyDescent="0.35">
      <c r="A93" s="81"/>
      <c r="B93" s="94">
        <v>4.3</v>
      </c>
      <c r="C93" s="92" t="s">
        <v>152</v>
      </c>
      <c r="D93" s="93" t="s">
        <v>153</v>
      </c>
      <c r="E93" s="92" t="s">
        <v>56</v>
      </c>
      <c r="F93" s="67"/>
    </row>
    <row r="94" spans="1:6" x14ac:dyDescent="0.35">
      <c r="A94" s="81"/>
      <c r="B94" s="90">
        <v>4.3099999999999996</v>
      </c>
      <c r="C94" s="92" t="s">
        <v>154</v>
      </c>
      <c r="D94" s="93" t="s">
        <v>154</v>
      </c>
      <c r="E94" s="92" t="s">
        <v>40</v>
      </c>
      <c r="F94" s="67"/>
    </row>
    <row r="95" spans="1:6" x14ac:dyDescent="0.35">
      <c r="A95" s="81"/>
      <c r="B95" s="90">
        <v>4.32</v>
      </c>
      <c r="C95" s="92" t="s">
        <v>84</v>
      </c>
      <c r="D95" s="93" t="s">
        <v>155</v>
      </c>
      <c r="E95" s="92" t="s">
        <v>40</v>
      </c>
      <c r="F95" s="67"/>
    </row>
    <row r="96" spans="1:6" x14ac:dyDescent="0.35">
      <c r="A96" s="81"/>
      <c r="B96" s="90">
        <v>4.33</v>
      </c>
      <c r="C96" s="92" t="s">
        <v>156</v>
      </c>
      <c r="D96" s="93" t="s">
        <v>157</v>
      </c>
      <c r="E96" s="92" t="s">
        <v>40</v>
      </c>
      <c r="F96" s="67"/>
    </row>
    <row r="97" spans="1:6" x14ac:dyDescent="0.35">
      <c r="A97" s="81"/>
      <c r="B97" s="90">
        <v>4.34</v>
      </c>
      <c r="C97" s="92" t="s">
        <v>158</v>
      </c>
      <c r="D97" s="93" t="s">
        <v>158</v>
      </c>
      <c r="E97" s="92" t="s">
        <v>40</v>
      </c>
      <c r="F97" s="67"/>
    </row>
    <row r="98" spans="1:6" x14ac:dyDescent="0.35">
      <c r="A98" s="81"/>
      <c r="B98" s="90">
        <v>4.3499999999999996</v>
      </c>
      <c r="C98" s="92" t="s">
        <v>159</v>
      </c>
      <c r="D98" s="93" t="s">
        <v>160</v>
      </c>
      <c r="E98" s="92" t="s">
        <v>56</v>
      </c>
      <c r="F98" s="67"/>
    </row>
    <row r="99" spans="1:6" x14ac:dyDescent="0.35">
      <c r="A99" s="81"/>
      <c r="B99" s="90">
        <v>4.3600000000000003</v>
      </c>
      <c r="C99" s="92" t="s">
        <v>161</v>
      </c>
      <c r="D99" s="93" t="s">
        <v>162</v>
      </c>
      <c r="E99" s="92" t="s">
        <v>40</v>
      </c>
      <c r="F99" s="67"/>
    </row>
    <row r="100" spans="1:6" x14ac:dyDescent="0.35">
      <c r="A100" s="81"/>
      <c r="B100" s="90">
        <v>4.37</v>
      </c>
      <c r="C100" s="92" t="s">
        <v>161</v>
      </c>
      <c r="D100" s="93" t="s">
        <v>163</v>
      </c>
      <c r="E100" s="92" t="s">
        <v>40</v>
      </c>
      <c r="F100" s="67"/>
    </row>
    <row r="101" spans="1:6" ht="16.7" thickBot="1" x14ac:dyDescent="0.4">
      <c r="A101" s="81"/>
      <c r="B101" s="96"/>
      <c r="C101" s="97"/>
      <c r="D101" s="98"/>
      <c r="E101" s="98"/>
      <c r="F101" s="68"/>
    </row>
    <row r="102" spans="1:6" x14ac:dyDescent="0.35">
      <c r="A102" s="81"/>
      <c r="B102" s="81"/>
      <c r="C102" s="81"/>
      <c r="D102" s="81"/>
      <c r="E102" s="81"/>
      <c r="F102" s="81"/>
    </row>
    <row r="103" spans="1:6" ht="16.7" thickBot="1" x14ac:dyDescent="0.4">
      <c r="A103" s="81"/>
      <c r="B103" s="81"/>
      <c r="C103" s="81"/>
      <c r="D103" s="81"/>
      <c r="E103" s="81"/>
      <c r="F103" s="81"/>
    </row>
    <row r="104" spans="1:6" ht="16.7" thickBot="1" x14ac:dyDescent="0.4">
      <c r="A104" s="81"/>
      <c r="B104" s="143" t="s">
        <v>173</v>
      </c>
      <c r="C104" s="144"/>
      <c r="D104" s="144"/>
      <c r="E104" s="145"/>
      <c r="F104" s="81"/>
    </row>
    <row r="105" spans="1:6" x14ac:dyDescent="0.35">
      <c r="A105" s="81"/>
      <c r="B105" s="146" t="s">
        <v>13</v>
      </c>
      <c r="C105" s="147"/>
      <c r="D105" s="100" t="s">
        <v>14</v>
      </c>
      <c r="E105" s="100" t="s">
        <v>15</v>
      </c>
      <c r="F105" s="81"/>
    </row>
    <row r="106" spans="1:6" x14ac:dyDescent="0.35">
      <c r="A106" s="81"/>
      <c r="B106" s="200" t="s">
        <v>188</v>
      </c>
      <c r="C106" s="201"/>
      <c r="D106" s="112" t="s">
        <v>189</v>
      </c>
      <c r="E106" s="69"/>
      <c r="F106" s="81"/>
    </row>
    <row r="107" spans="1:6" x14ac:dyDescent="0.35">
      <c r="A107" s="81"/>
      <c r="B107" s="200" t="s">
        <v>190</v>
      </c>
      <c r="C107" s="201"/>
      <c r="D107" s="112" t="s">
        <v>191</v>
      </c>
      <c r="E107" s="69"/>
      <c r="F107" s="81"/>
    </row>
    <row r="108" spans="1:6" x14ac:dyDescent="0.35">
      <c r="A108" s="81"/>
      <c r="B108" s="200" t="s">
        <v>192</v>
      </c>
      <c r="C108" s="201"/>
      <c r="D108" s="112" t="s">
        <v>193</v>
      </c>
      <c r="E108" s="69"/>
      <c r="F108" s="81"/>
    </row>
    <row r="109" spans="1:6" ht="16.7" thickBot="1" x14ac:dyDescent="0.4">
      <c r="A109" s="81"/>
      <c r="B109" s="200" t="s">
        <v>194</v>
      </c>
      <c r="C109" s="201"/>
      <c r="D109" s="112" t="s">
        <v>195</v>
      </c>
      <c r="E109" s="69"/>
      <c r="F109" s="81"/>
    </row>
    <row r="110" spans="1:6" ht="15.7" customHeight="1" thickBot="1" x14ac:dyDescent="0.4">
      <c r="A110" s="81"/>
      <c r="B110" s="221" t="s">
        <v>16</v>
      </c>
      <c r="C110" s="222"/>
      <c r="D110" s="113" t="s">
        <v>16</v>
      </c>
      <c r="E110" s="76"/>
      <c r="F110" s="81"/>
    </row>
    <row r="111" spans="1:6" ht="15.7" customHeight="1" thickBot="1" x14ac:dyDescent="0.4">
      <c r="A111" s="81"/>
      <c r="B111" s="219" t="s">
        <v>17</v>
      </c>
      <c r="C111" s="220"/>
      <c r="D111" s="114" t="s">
        <v>17</v>
      </c>
      <c r="E111" s="70"/>
      <c r="F111" s="81"/>
    </row>
    <row r="112" spans="1:6" x14ac:dyDescent="0.35">
      <c r="A112" s="81"/>
      <c r="B112" s="102"/>
      <c r="C112" s="103"/>
      <c r="D112" s="81"/>
      <c r="E112" s="81"/>
      <c r="F112" s="81"/>
    </row>
    <row r="113" spans="1:7" x14ac:dyDescent="0.35">
      <c r="A113" s="81"/>
      <c r="B113" s="81"/>
      <c r="C113" s="81"/>
      <c r="D113" s="81"/>
      <c r="E113" s="81"/>
      <c r="F113" s="81"/>
    </row>
    <row r="114" spans="1:7" ht="16.7" thickBot="1" x14ac:dyDescent="0.4">
      <c r="A114" s="81"/>
      <c r="B114" s="138" t="s">
        <v>24</v>
      </c>
      <c r="C114" s="139"/>
      <c r="D114" s="139"/>
      <c r="E114" s="81"/>
      <c r="F114" s="81"/>
    </row>
    <row r="115" spans="1:7" ht="16.7" thickBot="1" x14ac:dyDescent="0.4">
      <c r="A115" s="81"/>
      <c r="B115" s="146" t="s">
        <v>25</v>
      </c>
      <c r="C115" s="147"/>
      <c r="D115" s="104" t="s">
        <v>26</v>
      </c>
      <c r="E115" s="81"/>
      <c r="F115" s="81"/>
    </row>
    <row r="116" spans="1:7" ht="16.7" thickBot="1" x14ac:dyDescent="0.4">
      <c r="A116" s="81"/>
      <c r="B116" s="150" t="s">
        <v>27</v>
      </c>
      <c r="C116" s="151"/>
      <c r="D116" s="71"/>
      <c r="E116" s="81"/>
      <c r="F116" s="81"/>
    </row>
    <row r="119" spans="1:7" ht="16.7" thickBot="1" x14ac:dyDescent="0.4">
      <c r="B119" s="72"/>
      <c r="C119" s="72"/>
      <c r="E119" s="136"/>
      <c r="F119" s="136"/>
      <c r="G119" s="136"/>
    </row>
    <row r="120" spans="1:7" x14ac:dyDescent="0.35">
      <c r="B120" s="137" t="s">
        <v>28</v>
      </c>
      <c r="C120" s="137"/>
      <c r="E120" s="152" t="s">
        <v>29</v>
      </c>
      <c r="F120" s="152"/>
      <c r="G120" s="152"/>
    </row>
    <row r="123" spans="1:7" ht="16.7" thickBot="1" x14ac:dyDescent="0.4">
      <c r="B123" s="72"/>
      <c r="C123" s="72"/>
      <c r="E123" s="136"/>
      <c r="F123" s="136"/>
      <c r="G123" s="136"/>
    </row>
    <row r="124" spans="1:7" x14ac:dyDescent="0.35">
      <c r="B124" s="137" t="s">
        <v>30</v>
      </c>
      <c r="C124" s="137"/>
      <c r="E124" s="137" t="s">
        <v>31</v>
      </c>
      <c r="F124" s="137"/>
      <c r="G124" s="137"/>
    </row>
  </sheetData>
  <sheetProtection algorithmName="SHA-512" hashValue="IOdF1ZWEMTWNdcDgDnGKJ06EInucdsbCaL0bJzlhyGRUAjO7RqX7FYM1DimEfPGs+XVJOC2AXsTQFylYLfYXOw==" saltValue="sPOAC9WfIkucMX8Z1rPcXQ=="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51">
    <mergeCell ref="B114:D114"/>
    <mergeCell ref="B10:F10"/>
    <mergeCell ref="B2:C2"/>
    <mergeCell ref="D2:F2"/>
    <mergeCell ref="B3:C3"/>
    <mergeCell ref="D3:F3"/>
    <mergeCell ref="B4:C4"/>
    <mergeCell ref="D4:F4"/>
    <mergeCell ref="B5:C5"/>
    <mergeCell ref="D5:F5"/>
    <mergeCell ref="B7:F7"/>
    <mergeCell ref="B8:F8"/>
    <mergeCell ref="B9:F9"/>
    <mergeCell ref="C27:E27"/>
    <mergeCell ref="B23:D23"/>
    <mergeCell ref="B18:F18"/>
    <mergeCell ref="AJ22:AK22"/>
    <mergeCell ref="AP22:AQ22"/>
    <mergeCell ref="B11:F11"/>
    <mergeCell ref="B12:F12"/>
    <mergeCell ref="B13:F13"/>
    <mergeCell ref="B14:F14"/>
    <mergeCell ref="B15:F15"/>
    <mergeCell ref="B16:F16"/>
    <mergeCell ref="B17:F17"/>
    <mergeCell ref="B21:F21"/>
    <mergeCell ref="B22:D22"/>
    <mergeCell ref="AD22:AE22"/>
    <mergeCell ref="AD23:AE23"/>
    <mergeCell ref="AJ23:AK23"/>
    <mergeCell ref="AP23:AQ23"/>
    <mergeCell ref="B25:F25"/>
    <mergeCell ref="B111:C111"/>
    <mergeCell ref="C39:E39"/>
    <mergeCell ref="C56:E56"/>
    <mergeCell ref="C66:E66"/>
    <mergeCell ref="B104:E104"/>
    <mergeCell ref="B105:C105"/>
    <mergeCell ref="B106:C106"/>
    <mergeCell ref="B107:C107"/>
    <mergeCell ref="B108:C108"/>
    <mergeCell ref="B109:C109"/>
    <mergeCell ref="B110:C110"/>
    <mergeCell ref="B124:C124"/>
    <mergeCell ref="E124:G124"/>
    <mergeCell ref="B115:C115"/>
    <mergeCell ref="B116:C116"/>
    <mergeCell ref="E119:G119"/>
    <mergeCell ref="B120:C120"/>
    <mergeCell ref="E120:G120"/>
    <mergeCell ref="E123:G123"/>
  </mergeCells>
  <pageMargins left="6.9444444444444441E-3" right="6.9444444444444441E-3" top="6.9444444444444441E-3" bottom="6.9444444444444441E-3" header="0.3" footer="0.3"/>
  <pageSetup paperSize="9" scale="49" orientation="portrait" r:id="rId1"/>
  <rowBreaks count="1" manualBreakCount="1">
    <brk id="65" max="6"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785EEDF-AAA6-4B62-A5E3-CFB1A85EBCD9}">
  <dimension ref="A1:AQ126"/>
  <sheetViews>
    <sheetView view="pageBreakPreview" topLeftCell="A12" zoomScale="96" zoomScaleNormal="85" zoomScaleSheetLayoutView="96" workbookViewId="0">
      <selection activeCell="C20" sqref="C20"/>
    </sheetView>
  </sheetViews>
  <sheetFormatPr defaultColWidth="9.09765625" defaultRowHeight="16.149999999999999" x14ac:dyDescent="0.35"/>
  <cols>
    <col min="1" max="1" width="4.3984375"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74"/>
      <c r="C1" s="74"/>
      <c r="D1" s="74"/>
      <c r="F1" s="73"/>
    </row>
    <row r="2" spans="1:8" x14ac:dyDescent="0.35">
      <c r="B2" s="175" t="s">
        <v>0</v>
      </c>
      <c r="C2" s="176" t="s">
        <v>164</v>
      </c>
      <c r="D2" s="177" t="s">
        <v>327</v>
      </c>
      <c r="E2" s="178"/>
      <c r="F2" s="179"/>
    </row>
    <row r="3" spans="1:8" x14ac:dyDescent="0.35">
      <c r="B3" s="180" t="s">
        <v>1</v>
      </c>
      <c r="C3" s="181" t="s">
        <v>168</v>
      </c>
      <c r="D3" s="197" t="s">
        <v>330</v>
      </c>
      <c r="E3" s="198"/>
      <c r="F3" s="199"/>
    </row>
    <row r="4" spans="1:8" ht="15.7" customHeight="1" x14ac:dyDescent="0.35">
      <c r="B4" s="180" t="s">
        <v>2</v>
      </c>
      <c r="C4" s="181" t="s">
        <v>309</v>
      </c>
      <c r="D4" s="185" t="s">
        <v>333</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207" t="s">
        <v>4</v>
      </c>
      <c r="C7" s="208"/>
      <c r="D7" s="208"/>
      <c r="E7" s="208"/>
      <c r="F7" s="209"/>
    </row>
    <row r="8" spans="1:8" x14ac:dyDescent="0.35">
      <c r="B8" s="202" t="s">
        <v>332</v>
      </c>
      <c r="C8" s="203"/>
      <c r="D8" s="203"/>
      <c r="E8" s="203"/>
      <c r="F8" s="204"/>
      <c r="G8" s="54"/>
      <c r="H8" s="54"/>
    </row>
    <row r="9" spans="1:8" ht="20.3" customHeight="1" x14ac:dyDescent="0.35">
      <c r="B9" s="210" t="s">
        <v>5</v>
      </c>
      <c r="C9" s="211"/>
      <c r="D9" s="211"/>
      <c r="E9" s="211"/>
      <c r="F9" s="212"/>
      <c r="G9" s="54"/>
      <c r="H9" s="54"/>
    </row>
    <row r="10" spans="1:8" x14ac:dyDescent="0.35">
      <c r="B10" s="210" t="s">
        <v>344</v>
      </c>
      <c r="C10" s="211"/>
      <c r="D10" s="211"/>
      <c r="E10" s="211"/>
      <c r="F10" s="212"/>
    </row>
    <row r="11" spans="1:8" ht="38.299999999999997" customHeight="1" x14ac:dyDescent="0.35">
      <c r="B11" s="210" t="s">
        <v>165</v>
      </c>
      <c r="C11" s="211"/>
      <c r="D11" s="211"/>
      <c r="E11" s="211"/>
      <c r="F11" s="212"/>
      <c r="G11" s="54"/>
      <c r="H11" s="54"/>
    </row>
    <row r="12" spans="1:8" ht="49.55" customHeight="1" x14ac:dyDescent="0.35">
      <c r="B12" s="210" t="s">
        <v>166</v>
      </c>
      <c r="C12" s="211"/>
      <c r="D12" s="211"/>
      <c r="E12" s="211"/>
      <c r="F12" s="212"/>
    </row>
    <row r="13" spans="1:8" ht="21.75" customHeight="1" x14ac:dyDescent="0.35">
      <c r="B13" s="202" t="s">
        <v>167</v>
      </c>
      <c r="C13" s="203"/>
      <c r="D13" s="203"/>
      <c r="E13" s="203"/>
      <c r="F13" s="204"/>
      <c r="G13" s="54"/>
      <c r="H13" s="54"/>
    </row>
    <row r="14" spans="1:8" x14ac:dyDescent="0.35">
      <c r="A14" s="81"/>
      <c r="B14" s="202" t="s">
        <v>354</v>
      </c>
      <c r="C14" s="203"/>
      <c r="D14" s="203"/>
      <c r="E14" s="203"/>
      <c r="F14" s="204"/>
      <c r="G14" s="81"/>
      <c r="H14" s="54"/>
    </row>
    <row r="15" spans="1:8" x14ac:dyDescent="0.35">
      <c r="A15" s="81"/>
      <c r="B15" s="216" t="s">
        <v>352</v>
      </c>
      <c r="C15" s="217"/>
      <c r="D15" s="217"/>
      <c r="E15" s="217"/>
      <c r="F15" s="218"/>
      <c r="G15" s="81"/>
      <c r="H15" s="54"/>
    </row>
    <row r="16" spans="1:8" ht="33" customHeight="1" x14ac:dyDescent="0.35">
      <c r="A16" s="81"/>
      <c r="B16" s="210" t="s">
        <v>346</v>
      </c>
      <c r="C16" s="211"/>
      <c r="D16" s="211"/>
      <c r="E16" s="211"/>
      <c r="F16" s="212"/>
      <c r="G16" s="81"/>
      <c r="H16" s="54"/>
    </row>
    <row r="17" spans="1:43" x14ac:dyDescent="0.35">
      <c r="A17" s="81"/>
      <c r="B17" s="202" t="s">
        <v>347</v>
      </c>
      <c r="C17" s="203"/>
      <c r="D17" s="203"/>
      <c r="E17" s="203"/>
      <c r="F17" s="204"/>
      <c r="G17" s="81"/>
      <c r="H17" s="54"/>
    </row>
    <row r="18" spans="1:43" ht="18" customHeight="1" thickBot="1" x14ac:dyDescent="0.4">
      <c r="A18" s="81"/>
      <c r="B18" s="213" t="s">
        <v>348</v>
      </c>
      <c r="C18" s="214"/>
      <c r="D18" s="214"/>
      <c r="E18" s="214"/>
      <c r="F18" s="215"/>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33" customHeight="1" thickBot="1" x14ac:dyDescent="0.35">
      <c r="B26" s="88" t="s">
        <v>170</v>
      </c>
      <c r="C26" s="88" t="s">
        <v>169</v>
      </c>
      <c r="D26" s="88" t="s">
        <v>7</v>
      </c>
      <c r="E26" s="88" t="s">
        <v>11</v>
      </c>
      <c r="F26" s="89" t="s">
        <v>12</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0">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4">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6"/>
    </row>
    <row r="56" spans="2:6" ht="16.7" thickBot="1" x14ac:dyDescent="0.4">
      <c r="B56" s="90">
        <v>3</v>
      </c>
      <c r="C56" s="140" t="s">
        <v>89</v>
      </c>
      <c r="D56" s="141"/>
      <c r="E56" s="142"/>
      <c r="F56" s="65"/>
    </row>
    <row r="57" spans="2:6" ht="32.25" x14ac:dyDescent="0.35">
      <c r="B57" s="90">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6"/>
    </row>
    <row r="66" spans="2:6" ht="16.7" thickBot="1" x14ac:dyDescent="0.4">
      <c r="B66" s="90">
        <v>4</v>
      </c>
      <c r="C66" s="140" t="s">
        <v>105</v>
      </c>
      <c r="D66" s="141"/>
      <c r="E66" s="142"/>
      <c r="F66" s="65"/>
    </row>
    <row r="67" spans="2:6" x14ac:dyDescent="0.35">
      <c r="B67" s="90">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4">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4">
        <v>4.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4">
        <v>4.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68"/>
    </row>
    <row r="102" spans="2:6" x14ac:dyDescent="0.35">
      <c r="B102" s="81"/>
      <c r="C102" s="81"/>
      <c r="D102" s="81"/>
      <c r="E102" s="81"/>
      <c r="F102" s="81"/>
    </row>
    <row r="103" spans="2:6" ht="16.7" thickBot="1" x14ac:dyDescent="0.4">
      <c r="B103" s="81"/>
      <c r="C103" s="81"/>
      <c r="D103" s="81"/>
      <c r="E103" s="81"/>
      <c r="F103" s="81"/>
    </row>
    <row r="104" spans="2:6" ht="16.7" thickBot="1" x14ac:dyDescent="0.4">
      <c r="B104" s="143" t="s">
        <v>173</v>
      </c>
      <c r="C104" s="144"/>
      <c r="D104" s="144"/>
      <c r="E104" s="145"/>
      <c r="F104" s="81"/>
    </row>
    <row r="105" spans="2:6" ht="16.7" thickBot="1" x14ac:dyDescent="0.4">
      <c r="B105" s="146" t="s">
        <v>13</v>
      </c>
      <c r="C105" s="147"/>
      <c r="D105" s="100" t="s">
        <v>14</v>
      </c>
      <c r="E105" s="100" t="s">
        <v>15</v>
      </c>
      <c r="F105" s="81"/>
    </row>
    <row r="106" spans="2:6" x14ac:dyDescent="0.35">
      <c r="B106" s="223" t="s">
        <v>174</v>
      </c>
      <c r="C106" s="224"/>
      <c r="D106" s="115" t="s">
        <v>175</v>
      </c>
      <c r="E106" s="77"/>
      <c r="F106" s="81"/>
    </row>
    <row r="107" spans="2:6" x14ac:dyDescent="0.35">
      <c r="B107" s="200" t="s">
        <v>176</v>
      </c>
      <c r="C107" s="201"/>
      <c r="D107" s="112" t="s">
        <v>177</v>
      </c>
      <c r="E107" s="69"/>
      <c r="F107" s="81"/>
    </row>
    <row r="108" spans="2:6" x14ac:dyDescent="0.35">
      <c r="B108" s="200" t="s">
        <v>178</v>
      </c>
      <c r="C108" s="201"/>
      <c r="D108" s="112" t="s">
        <v>179</v>
      </c>
      <c r="E108" s="69"/>
      <c r="F108" s="81"/>
    </row>
    <row r="109" spans="2:6" x14ac:dyDescent="0.35">
      <c r="B109" s="200" t="s">
        <v>180</v>
      </c>
      <c r="C109" s="201"/>
      <c r="D109" s="112" t="s">
        <v>181</v>
      </c>
      <c r="E109" s="69"/>
      <c r="F109" s="81"/>
    </row>
    <row r="110" spans="2:6" x14ac:dyDescent="0.35">
      <c r="B110" s="200" t="s">
        <v>182</v>
      </c>
      <c r="C110" s="201"/>
      <c r="D110" s="112" t="s">
        <v>183</v>
      </c>
      <c r="E110" s="69"/>
      <c r="F110" s="81"/>
    </row>
    <row r="111" spans="2:6" x14ac:dyDescent="0.35">
      <c r="B111" s="200" t="s">
        <v>174</v>
      </c>
      <c r="C111" s="201"/>
      <c r="D111" s="112" t="s">
        <v>175</v>
      </c>
      <c r="E111" s="69"/>
      <c r="F111" s="81"/>
    </row>
    <row r="112" spans="2:6" x14ac:dyDescent="0.35">
      <c r="B112" s="200" t="s">
        <v>184</v>
      </c>
      <c r="C112" s="201"/>
      <c r="D112" s="112" t="s">
        <v>185</v>
      </c>
      <c r="E112" s="69"/>
      <c r="F112" s="81"/>
    </row>
    <row r="113" spans="2:7" ht="16.7" thickBot="1" x14ac:dyDescent="0.4">
      <c r="B113" s="205" t="s">
        <v>186</v>
      </c>
      <c r="C113" s="206"/>
      <c r="D113" s="116" t="s">
        <v>187</v>
      </c>
      <c r="E113" s="70"/>
      <c r="F113" s="81"/>
    </row>
    <row r="114" spans="2:7" x14ac:dyDescent="0.35">
      <c r="B114" s="102"/>
      <c r="C114" s="103"/>
      <c r="D114" s="81"/>
      <c r="E114" s="81"/>
      <c r="F114" s="81"/>
    </row>
    <row r="115" spans="2:7" x14ac:dyDescent="0.35">
      <c r="B115" s="81"/>
      <c r="C115" s="81"/>
      <c r="D115" s="81"/>
      <c r="E115" s="81"/>
      <c r="F115" s="81"/>
    </row>
    <row r="116" spans="2:7" ht="16.7" thickBot="1" x14ac:dyDescent="0.4">
      <c r="B116" s="138" t="s">
        <v>24</v>
      </c>
      <c r="C116" s="139"/>
      <c r="D116" s="139"/>
      <c r="E116" s="81"/>
      <c r="F116" s="81"/>
    </row>
    <row r="117" spans="2:7" ht="16.7" thickBot="1" x14ac:dyDescent="0.4">
      <c r="B117" s="146" t="s">
        <v>25</v>
      </c>
      <c r="C117" s="147"/>
      <c r="D117" s="104" t="s">
        <v>26</v>
      </c>
      <c r="E117" s="81"/>
      <c r="F117" s="81"/>
    </row>
    <row r="118" spans="2:7" ht="16.7" thickBot="1" x14ac:dyDescent="0.4">
      <c r="B118" s="150" t="s">
        <v>27</v>
      </c>
      <c r="C118" s="151"/>
      <c r="D118" s="71"/>
      <c r="E118" s="81"/>
      <c r="F118" s="81"/>
    </row>
    <row r="121" spans="2:7" ht="16.7" thickBot="1" x14ac:dyDescent="0.4">
      <c r="B121" s="72"/>
      <c r="C121" s="72"/>
      <c r="E121" s="136"/>
      <c r="F121" s="136"/>
      <c r="G121" s="136"/>
    </row>
    <row r="122" spans="2:7" x14ac:dyDescent="0.35">
      <c r="B122" s="137" t="s">
        <v>28</v>
      </c>
      <c r="C122" s="137"/>
      <c r="E122" s="152" t="s">
        <v>29</v>
      </c>
      <c r="F122" s="152"/>
      <c r="G122" s="152"/>
    </row>
    <row r="125" spans="2:7" ht="16.7" thickBot="1" x14ac:dyDescent="0.4">
      <c r="B125" s="72"/>
      <c r="C125" s="72"/>
      <c r="E125" s="136"/>
      <c r="F125" s="136"/>
      <c r="G125" s="136"/>
    </row>
    <row r="126" spans="2:7" x14ac:dyDescent="0.35">
      <c r="B126" s="137" t="s">
        <v>30</v>
      </c>
      <c r="C126" s="137"/>
      <c r="E126" s="137" t="s">
        <v>31</v>
      </c>
      <c r="F126" s="137"/>
      <c r="G126" s="137"/>
    </row>
  </sheetData>
  <sheetProtection algorithmName="SHA-512" hashValue="08cgELsAeOWp2rNycRzCbcVWAxoG+afhz8WGaTPkGNE19a4jt3tpfuByUFrRckmtYly4RVU1Kcf1PogezFFQoQ==" saltValue="DV5LDlcbVe/fIe3uEXTHiw=="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53">
    <mergeCell ref="B2:C2"/>
    <mergeCell ref="D2:F2"/>
    <mergeCell ref="B3:C3"/>
    <mergeCell ref="D3:F3"/>
    <mergeCell ref="B14:F14"/>
    <mergeCell ref="B7:F7"/>
    <mergeCell ref="B8:F8"/>
    <mergeCell ref="B9:F9"/>
    <mergeCell ref="B10:F10"/>
    <mergeCell ref="B11:F11"/>
    <mergeCell ref="B12:F12"/>
    <mergeCell ref="B13:F13"/>
    <mergeCell ref="B4:C4"/>
    <mergeCell ref="D4:F4"/>
    <mergeCell ref="B5:C5"/>
    <mergeCell ref="D5:F5"/>
    <mergeCell ref="B15:F15"/>
    <mergeCell ref="B16:F16"/>
    <mergeCell ref="B17:F17"/>
    <mergeCell ref="B21:F21"/>
    <mergeCell ref="B22:D22"/>
    <mergeCell ref="B18:F18"/>
    <mergeCell ref="B105:C105"/>
    <mergeCell ref="B25:F25"/>
    <mergeCell ref="C27:E27"/>
    <mergeCell ref="C39:E39"/>
    <mergeCell ref="C56:E56"/>
    <mergeCell ref="C66:E66"/>
    <mergeCell ref="B104:E104"/>
    <mergeCell ref="AJ22:AK22"/>
    <mergeCell ref="AP22:AQ22"/>
    <mergeCell ref="B23:D23"/>
    <mergeCell ref="AD23:AE23"/>
    <mergeCell ref="AJ23:AK23"/>
    <mergeCell ref="AP23:AQ23"/>
    <mergeCell ref="AD22:AE22"/>
    <mergeCell ref="E125:G125"/>
    <mergeCell ref="B126:C126"/>
    <mergeCell ref="E126:G126"/>
    <mergeCell ref="B111:C111"/>
    <mergeCell ref="B112:C112"/>
    <mergeCell ref="B113:C113"/>
    <mergeCell ref="E121:G121"/>
    <mergeCell ref="B117:C117"/>
    <mergeCell ref="B118:C118"/>
    <mergeCell ref="B116:D116"/>
    <mergeCell ref="B106:C106"/>
    <mergeCell ref="B109:C109"/>
    <mergeCell ref="B110:C110"/>
    <mergeCell ref="B122:C122"/>
    <mergeCell ref="E122:G122"/>
    <mergeCell ref="B107:C107"/>
    <mergeCell ref="B108:C108"/>
  </mergeCells>
  <pageMargins left="6.9444444444444441E-3" right="6.9444444444444441E-3" top="6.9444444444444441E-3" bottom="6.9444444444444441E-3" header="0.3" footer="0.3"/>
  <pageSetup paperSize="9" scale="49" orientation="portrait" r:id="rId1"/>
  <rowBreaks count="1" manualBreakCount="1">
    <brk id="65" max="6"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064BD89-4DA6-4282-8325-BF4A8C36D0B9}">
  <dimension ref="A1:AQ121"/>
  <sheetViews>
    <sheetView view="pageBreakPreview" topLeftCell="A16" zoomScale="95" zoomScaleNormal="85" zoomScaleSheetLayoutView="95" workbookViewId="0">
      <selection activeCell="B22" sqref="B22:D22"/>
    </sheetView>
  </sheetViews>
  <sheetFormatPr defaultColWidth="9.09765625" defaultRowHeight="16.149999999999999" x14ac:dyDescent="0.35"/>
  <cols>
    <col min="1" max="1" width="3.69921875"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74"/>
      <c r="C1" s="74"/>
      <c r="D1" s="74"/>
      <c r="F1" s="73"/>
    </row>
    <row r="2" spans="1:8" x14ac:dyDescent="0.35">
      <c r="B2" s="175" t="s">
        <v>0</v>
      </c>
      <c r="C2" s="176" t="s">
        <v>164</v>
      </c>
      <c r="D2" s="177" t="s">
        <v>327</v>
      </c>
      <c r="E2" s="178"/>
      <c r="F2" s="179"/>
    </row>
    <row r="3" spans="1:8" x14ac:dyDescent="0.35">
      <c r="B3" s="180" t="s">
        <v>1</v>
      </c>
      <c r="C3" s="181" t="s">
        <v>168</v>
      </c>
      <c r="D3" s="197" t="s">
        <v>330</v>
      </c>
      <c r="E3" s="198"/>
      <c r="F3" s="199"/>
    </row>
    <row r="4" spans="1:8" x14ac:dyDescent="0.35">
      <c r="B4" s="180" t="s">
        <v>2</v>
      </c>
      <c r="C4" s="181" t="s">
        <v>310</v>
      </c>
      <c r="D4" s="185" t="s">
        <v>311</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207" t="s">
        <v>4</v>
      </c>
      <c r="C7" s="208"/>
      <c r="D7" s="208"/>
      <c r="E7" s="208"/>
      <c r="F7" s="209"/>
    </row>
    <row r="8" spans="1:8" x14ac:dyDescent="0.35">
      <c r="B8" s="202" t="s">
        <v>332</v>
      </c>
      <c r="C8" s="203"/>
      <c r="D8" s="203"/>
      <c r="E8" s="203"/>
      <c r="F8" s="204"/>
      <c r="G8" s="54"/>
      <c r="H8" s="54"/>
    </row>
    <row r="9" spans="1:8" ht="40.5" customHeight="1" x14ac:dyDescent="0.35">
      <c r="B9" s="210" t="s">
        <v>5</v>
      </c>
      <c r="C9" s="211"/>
      <c r="D9" s="211"/>
      <c r="E9" s="211"/>
      <c r="F9" s="212"/>
      <c r="G9" s="54"/>
      <c r="H9" s="54"/>
    </row>
    <row r="10" spans="1:8" x14ac:dyDescent="0.35">
      <c r="B10" s="210" t="s">
        <v>344</v>
      </c>
      <c r="C10" s="211"/>
      <c r="D10" s="211"/>
      <c r="E10" s="211"/>
      <c r="F10" s="212"/>
    </row>
    <row r="11" spans="1:8" ht="32.25" customHeight="1" x14ac:dyDescent="0.35">
      <c r="B11" s="210" t="s">
        <v>165</v>
      </c>
      <c r="C11" s="211"/>
      <c r="D11" s="211"/>
      <c r="E11" s="211"/>
      <c r="F11" s="212"/>
      <c r="G11" s="54"/>
      <c r="H11" s="54"/>
    </row>
    <row r="12" spans="1:8" ht="49.55" customHeight="1" x14ac:dyDescent="0.35">
      <c r="B12" s="210" t="s">
        <v>166</v>
      </c>
      <c r="C12" s="211"/>
      <c r="D12" s="211"/>
      <c r="E12" s="211"/>
      <c r="F12" s="212"/>
    </row>
    <row r="13" spans="1:8" x14ac:dyDescent="0.35">
      <c r="B13" s="202" t="s">
        <v>167</v>
      </c>
      <c r="C13" s="203"/>
      <c r="D13" s="203"/>
      <c r="E13" s="203"/>
      <c r="F13" s="204"/>
      <c r="G13" s="54"/>
      <c r="H13" s="54"/>
    </row>
    <row r="14" spans="1:8" x14ac:dyDescent="0.35">
      <c r="A14" s="81"/>
      <c r="B14" s="202" t="s">
        <v>354</v>
      </c>
      <c r="C14" s="203"/>
      <c r="D14" s="203"/>
      <c r="E14" s="203"/>
      <c r="F14" s="204"/>
      <c r="G14" s="81"/>
      <c r="H14" s="54"/>
    </row>
    <row r="15" spans="1:8" x14ac:dyDescent="0.35">
      <c r="A15" s="81"/>
      <c r="B15" s="216" t="s">
        <v>352</v>
      </c>
      <c r="C15" s="217"/>
      <c r="D15" s="217"/>
      <c r="E15" s="217"/>
      <c r="F15" s="218"/>
      <c r="G15" s="81"/>
      <c r="H15" s="54"/>
    </row>
    <row r="16" spans="1:8" ht="33" customHeight="1" x14ac:dyDescent="0.35">
      <c r="A16" s="81"/>
      <c r="B16" s="210" t="s">
        <v>346</v>
      </c>
      <c r="C16" s="211"/>
      <c r="D16" s="211"/>
      <c r="E16" s="211"/>
      <c r="F16" s="212"/>
      <c r="G16" s="81"/>
      <c r="H16" s="54"/>
    </row>
    <row r="17" spans="1:43" x14ac:dyDescent="0.35">
      <c r="A17" s="81"/>
      <c r="B17" s="202" t="s">
        <v>347</v>
      </c>
      <c r="C17" s="203"/>
      <c r="D17" s="203"/>
      <c r="E17" s="203"/>
      <c r="F17" s="204"/>
      <c r="G17" s="81"/>
      <c r="H17" s="54"/>
    </row>
    <row r="18" spans="1:43" ht="18" customHeight="1" thickBot="1" x14ac:dyDescent="0.4">
      <c r="A18" s="81"/>
      <c r="B18" s="213" t="s">
        <v>348</v>
      </c>
      <c r="C18" s="214"/>
      <c r="D18" s="214"/>
      <c r="E18" s="214"/>
      <c r="F18" s="215"/>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35.299999999999997" customHeight="1" thickBot="1" x14ac:dyDescent="0.35">
      <c r="B26" s="88" t="s">
        <v>170</v>
      </c>
      <c r="C26" s="88" t="s">
        <v>169</v>
      </c>
      <c r="D26" s="88" t="s">
        <v>7</v>
      </c>
      <c r="E26" s="88" t="s">
        <v>11</v>
      </c>
      <c r="F26" s="89" t="s">
        <v>12</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0">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4">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6"/>
    </row>
    <row r="56" spans="2:6" ht="16.7" thickBot="1" x14ac:dyDescent="0.4">
      <c r="B56" s="90">
        <v>3</v>
      </c>
      <c r="C56" s="140" t="s">
        <v>89</v>
      </c>
      <c r="D56" s="141"/>
      <c r="E56" s="142"/>
      <c r="F56" s="65"/>
    </row>
    <row r="57" spans="2:6" ht="32.25" x14ac:dyDescent="0.35">
      <c r="B57" s="90">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5"/>
    </row>
    <row r="66" spans="2:6" ht="16.7" thickBot="1" x14ac:dyDescent="0.4">
      <c r="B66" s="90">
        <v>4</v>
      </c>
      <c r="C66" s="140" t="s">
        <v>105</v>
      </c>
      <c r="D66" s="141"/>
      <c r="E66" s="142"/>
      <c r="F66" s="65"/>
    </row>
    <row r="67" spans="2:6" x14ac:dyDescent="0.35">
      <c r="B67" s="90">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4">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4">
        <v>4.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4">
        <v>4.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105"/>
    </row>
    <row r="102" spans="2:6" x14ac:dyDescent="0.35">
      <c r="B102" s="81"/>
      <c r="C102" s="81"/>
      <c r="D102" s="81"/>
      <c r="E102" s="81"/>
      <c r="F102" s="81"/>
    </row>
    <row r="103" spans="2:6" ht="16.7" thickBot="1" x14ac:dyDescent="0.4">
      <c r="B103" s="81"/>
      <c r="C103" s="81"/>
      <c r="D103" s="81"/>
      <c r="E103" s="81"/>
      <c r="F103" s="81"/>
    </row>
    <row r="104" spans="2:6" ht="16.7" thickBot="1" x14ac:dyDescent="0.4">
      <c r="B104" s="143" t="s">
        <v>173</v>
      </c>
      <c r="C104" s="144"/>
      <c r="D104" s="144"/>
      <c r="E104" s="145"/>
      <c r="F104" s="81"/>
    </row>
    <row r="105" spans="2:6" ht="16.7" thickBot="1" x14ac:dyDescent="0.4">
      <c r="B105" s="227" t="s">
        <v>13</v>
      </c>
      <c r="C105" s="228"/>
      <c r="D105" s="104" t="s">
        <v>14</v>
      </c>
      <c r="E105" s="104" t="s">
        <v>15</v>
      </c>
      <c r="F105" s="81"/>
    </row>
    <row r="106" spans="2:6" x14ac:dyDescent="0.35">
      <c r="B106" s="225" t="s">
        <v>196</v>
      </c>
      <c r="C106" s="226"/>
      <c r="D106" s="112" t="s">
        <v>197</v>
      </c>
      <c r="E106" s="69"/>
      <c r="F106" s="81"/>
    </row>
    <row r="107" spans="2:6" x14ac:dyDescent="0.35">
      <c r="B107" s="225" t="s">
        <v>198</v>
      </c>
      <c r="C107" s="226" t="s">
        <v>199</v>
      </c>
      <c r="D107" s="112" t="s">
        <v>199</v>
      </c>
      <c r="E107" s="69"/>
      <c r="F107" s="81"/>
    </row>
    <row r="108" spans="2:6" x14ac:dyDescent="0.35">
      <c r="B108" s="225" t="s">
        <v>200</v>
      </c>
      <c r="C108" s="226" t="s">
        <v>201</v>
      </c>
      <c r="D108" s="112" t="s">
        <v>201</v>
      </c>
      <c r="E108" s="69"/>
      <c r="F108" s="81"/>
    </row>
    <row r="109" spans="2:6" ht="16.7" thickBot="1" x14ac:dyDescent="0.4">
      <c r="B109" s="229" t="s">
        <v>202</v>
      </c>
      <c r="C109" s="230" t="s">
        <v>203</v>
      </c>
      <c r="D109" s="116" t="s">
        <v>203</v>
      </c>
      <c r="E109" s="70"/>
      <c r="F109" s="81"/>
    </row>
    <row r="110" spans="2:6" x14ac:dyDescent="0.35">
      <c r="B110" s="81"/>
      <c r="C110" s="81"/>
      <c r="D110" s="81"/>
      <c r="E110" s="81"/>
      <c r="F110" s="81"/>
    </row>
    <row r="111" spans="2:6" ht="16.7" thickBot="1" x14ac:dyDescent="0.4">
      <c r="B111" s="138" t="s">
        <v>24</v>
      </c>
      <c r="C111" s="139"/>
      <c r="D111" s="139"/>
      <c r="E111" s="81"/>
      <c r="F111" s="81"/>
    </row>
    <row r="112" spans="2:6" ht="16.7" thickBot="1" x14ac:dyDescent="0.4">
      <c r="B112" s="146" t="s">
        <v>25</v>
      </c>
      <c r="C112" s="147"/>
      <c r="D112" s="104" t="s">
        <v>26</v>
      </c>
      <c r="E112" s="81"/>
      <c r="F112" s="81"/>
    </row>
    <row r="113" spans="2:7" ht="16.7" thickBot="1" x14ac:dyDescent="0.4">
      <c r="B113" s="150" t="s">
        <v>27</v>
      </c>
      <c r="C113" s="151"/>
      <c r="D113" s="71"/>
      <c r="E113" s="81"/>
      <c r="F113" s="81"/>
    </row>
    <row r="116" spans="2:7" ht="16.7" thickBot="1" x14ac:dyDescent="0.4">
      <c r="B116" s="72"/>
      <c r="C116" s="72"/>
      <c r="E116" s="136"/>
      <c r="F116" s="136"/>
      <c r="G116" s="136"/>
    </row>
    <row r="117" spans="2:7" x14ac:dyDescent="0.35">
      <c r="B117" s="137" t="s">
        <v>28</v>
      </c>
      <c r="C117" s="137"/>
      <c r="E117" s="152" t="s">
        <v>29</v>
      </c>
      <c r="F117" s="152"/>
      <c r="G117" s="152"/>
    </row>
    <row r="120" spans="2:7" ht="16.7" thickBot="1" x14ac:dyDescent="0.4">
      <c r="B120" s="72"/>
      <c r="C120" s="72"/>
      <c r="E120" s="136"/>
      <c r="F120" s="136"/>
      <c r="G120" s="136"/>
    </row>
    <row r="121" spans="2:7" x14ac:dyDescent="0.35">
      <c r="B121" s="137" t="s">
        <v>30</v>
      </c>
      <c r="C121" s="137"/>
      <c r="E121" s="137" t="s">
        <v>31</v>
      </c>
      <c r="F121" s="137"/>
      <c r="G121" s="137"/>
    </row>
  </sheetData>
  <sheetProtection algorithmName="SHA-512" hashValue="P43qwxSlzEPrpOC6m+h6/VCRbwW546xShszETCMBPEXH+9bLirtxtpwlyqjpT8+VgzCgHFVTUzWAFzr9bpbZjQ==" saltValue="SYOsxgLM2cBXwwKe0UkHBw=="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49">
    <mergeCell ref="B2:C2"/>
    <mergeCell ref="D2:F2"/>
    <mergeCell ref="B3:C3"/>
    <mergeCell ref="D3:F3"/>
    <mergeCell ref="B14:F14"/>
    <mergeCell ref="B7:F7"/>
    <mergeCell ref="B8:F8"/>
    <mergeCell ref="B9:F9"/>
    <mergeCell ref="B10:F10"/>
    <mergeCell ref="B11:F11"/>
    <mergeCell ref="B12:F12"/>
    <mergeCell ref="B13:F13"/>
    <mergeCell ref="B4:C4"/>
    <mergeCell ref="D4:F4"/>
    <mergeCell ref="B5:C5"/>
    <mergeCell ref="D5:F5"/>
    <mergeCell ref="AJ22:AK22"/>
    <mergeCell ref="AP22:AQ22"/>
    <mergeCell ref="B23:D23"/>
    <mergeCell ref="AD23:AE23"/>
    <mergeCell ref="AJ23:AK23"/>
    <mergeCell ref="AP23:AQ23"/>
    <mergeCell ref="AD22:AE22"/>
    <mergeCell ref="B22:D22"/>
    <mergeCell ref="E120:G120"/>
    <mergeCell ref="B121:C121"/>
    <mergeCell ref="E121:G121"/>
    <mergeCell ref="B112:C112"/>
    <mergeCell ref="B113:C113"/>
    <mergeCell ref="E116:G116"/>
    <mergeCell ref="B107:C107"/>
    <mergeCell ref="B108:C108"/>
    <mergeCell ref="B109:C109"/>
    <mergeCell ref="B117:C117"/>
    <mergeCell ref="E117:G117"/>
    <mergeCell ref="B111:D111"/>
    <mergeCell ref="B15:F15"/>
    <mergeCell ref="B16:F16"/>
    <mergeCell ref="B17:F17"/>
    <mergeCell ref="B21:F21"/>
    <mergeCell ref="B106:C106"/>
    <mergeCell ref="B105:C105"/>
    <mergeCell ref="B25:F25"/>
    <mergeCell ref="C27:E27"/>
    <mergeCell ref="C39:E39"/>
    <mergeCell ref="C56:E56"/>
    <mergeCell ref="C66:E66"/>
    <mergeCell ref="B104:E104"/>
    <mergeCell ref="B18:F18"/>
  </mergeCells>
  <phoneticPr fontId="13" type="noConversion"/>
  <pageMargins left="6.9444444444444441E-3" right="6.9444444444444441E-3" top="6.9444444444444441E-3" bottom="6.9444444444444441E-3" header="0.3" footer="0.3"/>
  <pageSetup paperSize="9" scale="56" orientation="portrait" r:id="rId1"/>
  <rowBreaks count="1" manualBreakCount="1">
    <brk id="65" max="6"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F72EDD7-ED1E-4F9D-860D-33E77B319B36}">
  <dimension ref="A1:AQ119"/>
  <sheetViews>
    <sheetView view="pageBreakPreview" topLeftCell="A6" zoomScale="96" zoomScaleNormal="85" zoomScaleSheetLayoutView="96" workbookViewId="0">
      <selection activeCell="B16" sqref="B16:F16"/>
    </sheetView>
  </sheetViews>
  <sheetFormatPr defaultColWidth="9.09765625" defaultRowHeight="14.4" x14ac:dyDescent="0.3"/>
  <cols>
    <col min="1" max="1" width="8" style="53" customWidth="1"/>
    <col min="2" max="2" width="10.69921875" style="53" customWidth="1"/>
    <col min="3" max="3" width="33.296875" style="53" customWidth="1"/>
    <col min="4" max="4" width="73.296875" style="53" customWidth="1"/>
    <col min="5" max="6" width="24" style="53" customWidth="1"/>
    <col min="7" max="7" width="6.69921875" style="53" customWidth="1"/>
    <col min="8" max="8" width="27.8984375" style="53" customWidth="1"/>
    <col min="9" max="16384" width="9.09765625" style="53"/>
  </cols>
  <sheetData>
    <row r="1" spans="1:8" s="50" customFormat="1" ht="15" thickBot="1" x14ac:dyDescent="0.35">
      <c r="A1" s="48"/>
      <c r="B1" s="49"/>
      <c r="C1" s="49"/>
      <c r="D1" s="49"/>
      <c r="F1" s="48"/>
    </row>
    <row r="2" spans="1:8" s="51" customFormat="1" ht="16.149999999999999" x14ac:dyDescent="0.35">
      <c r="B2" s="175" t="s">
        <v>0</v>
      </c>
      <c r="C2" s="176" t="s">
        <v>164</v>
      </c>
      <c r="D2" s="177" t="s">
        <v>327</v>
      </c>
      <c r="E2" s="178"/>
      <c r="F2" s="179"/>
      <c r="G2" s="52"/>
    </row>
    <row r="3" spans="1:8" s="51" customFormat="1" ht="15.7" customHeight="1" x14ac:dyDescent="0.35">
      <c r="B3" s="180" t="s">
        <v>1</v>
      </c>
      <c r="C3" s="181" t="s">
        <v>168</v>
      </c>
      <c r="D3" s="235" t="s">
        <v>330</v>
      </c>
      <c r="E3" s="236"/>
      <c r="F3" s="237"/>
      <c r="G3" s="52"/>
    </row>
    <row r="4" spans="1:8" s="51" customFormat="1" ht="16.149999999999999" x14ac:dyDescent="0.35">
      <c r="B4" s="180" t="s">
        <v>2</v>
      </c>
      <c r="C4" s="181" t="s">
        <v>311</v>
      </c>
      <c r="D4" s="185" t="s">
        <v>335</v>
      </c>
      <c r="E4" s="186"/>
      <c r="F4" s="187"/>
      <c r="G4" s="52"/>
    </row>
    <row r="5" spans="1:8" s="51" customFormat="1" ht="16.7" thickBot="1" x14ac:dyDescent="0.4">
      <c r="B5" s="170" t="s">
        <v>3</v>
      </c>
      <c r="C5" s="171"/>
      <c r="D5" s="172"/>
      <c r="E5" s="173"/>
      <c r="F5" s="174"/>
      <c r="G5" s="52"/>
    </row>
    <row r="6" spans="1:8" s="51" customFormat="1" ht="16.7" thickBot="1" x14ac:dyDescent="0.4">
      <c r="B6" s="81"/>
      <c r="C6" s="81"/>
      <c r="D6" s="81"/>
      <c r="E6" s="81"/>
      <c r="F6" s="81"/>
      <c r="G6" s="52"/>
    </row>
    <row r="7" spans="1:8" s="51" customFormat="1" ht="16.149999999999999" x14ac:dyDescent="0.35">
      <c r="B7" s="207" t="s">
        <v>4</v>
      </c>
      <c r="C7" s="208"/>
      <c r="D7" s="208"/>
      <c r="E7" s="208"/>
      <c r="F7" s="209"/>
      <c r="G7" s="52"/>
    </row>
    <row r="8" spans="1:8" ht="16.149999999999999" x14ac:dyDescent="0.35">
      <c r="B8" s="202" t="s">
        <v>334</v>
      </c>
      <c r="C8" s="203"/>
      <c r="D8" s="203"/>
      <c r="E8" s="203"/>
      <c r="F8" s="204"/>
      <c r="G8" s="54"/>
      <c r="H8" s="55"/>
    </row>
    <row r="9" spans="1:8" ht="35.299999999999997" customHeight="1" x14ac:dyDescent="0.35">
      <c r="B9" s="210" t="s">
        <v>5</v>
      </c>
      <c r="C9" s="211"/>
      <c r="D9" s="211"/>
      <c r="E9" s="211"/>
      <c r="F9" s="212"/>
      <c r="G9" s="54"/>
      <c r="H9" s="55"/>
    </row>
    <row r="10" spans="1:8" s="51" customFormat="1" ht="16.149999999999999" x14ac:dyDescent="0.35">
      <c r="B10" s="210" t="s">
        <v>344</v>
      </c>
      <c r="C10" s="211"/>
      <c r="D10" s="211"/>
      <c r="E10" s="211"/>
      <c r="F10" s="212"/>
      <c r="G10" s="52"/>
    </row>
    <row r="11" spans="1:8" ht="33.700000000000003" customHeight="1" x14ac:dyDescent="0.35">
      <c r="B11" s="210" t="s">
        <v>165</v>
      </c>
      <c r="C11" s="211"/>
      <c r="D11" s="211"/>
      <c r="E11" s="211"/>
      <c r="F11" s="212"/>
      <c r="G11" s="54"/>
      <c r="H11" s="55"/>
    </row>
    <row r="12" spans="1:8" s="51" customFormat="1" ht="59.2" customHeight="1" x14ac:dyDescent="0.35">
      <c r="B12" s="210" t="s">
        <v>166</v>
      </c>
      <c r="C12" s="211"/>
      <c r="D12" s="211"/>
      <c r="E12" s="211"/>
      <c r="F12" s="212"/>
      <c r="G12" s="52"/>
    </row>
    <row r="13" spans="1:8" ht="16.149999999999999" x14ac:dyDescent="0.35">
      <c r="B13" s="202" t="s">
        <v>167</v>
      </c>
      <c r="C13" s="203"/>
      <c r="D13" s="203"/>
      <c r="E13" s="203"/>
      <c r="F13" s="204"/>
      <c r="G13" s="54"/>
      <c r="H13" s="55"/>
    </row>
    <row r="14" spans="1:8" s="52" customFormat="1" ht="16.149999999999999" x14ac:dyDescent="0.35">
      <c r="A14" s="81"/>
      <c r="B14" s="202" t="s">
        <v>354</v>
      </c>
      <c r="C14" s="203"/>
      <c r="D14" s="203"/>
      <c r="E14" s="203"/>
      <c r="F14" s="204"/>
      <c r="G14" s="81"/>
      <c r="H14" s="54"/>
    </row>
    <row r="15" spans="1:8" s="52" customFormat="1" ht="16.149999999999999" x14ac:dyDescent="0.35">
      <c r="A15" s="81"/>
      <c r="B15" s="216" t="s">
        <v>352</v>
      </c>
      <c r="C15" s="217"/>
      <c r="D15" s="217"/>
      <c r="E15" s="217"/>
      <c r="F15" s="218"/>
      <c r="G15" s="81"/>
      <c r="H15" s="54"/>
    </row>
    <row r="16" spans="1:8" s="52" customFormat="1" ht="33" customHeight="1" x14ac:dyDescent="0.35">
      <c r="A16" s="81"/>
      <c r="B16" s="210" t="s">
        <v>346</v>
      </c>
      <c r="C16" s="211"/>
      <c r="D16" s="211"/>
      <c r="E16" s="211"/>
      <c r="F16" s="212"/>
      <c r="G16" s="81"/>
      <c r="H16" s="54"/>
    </row>
    <row r="17" spans="1:43" s="52" customFormat="1" ht="16.149999999999999" x14ac:dyDescent="0.35">
      <c r="A17" s="81"/>
      <c r="B17" s="202" t="s">
        <v>347</v>
      </c>
      <c r="C17" s="203"/>
      <c r="D17" s="203"/>
      <c r="E17" s="203"/>
      <c r="F17" s="204"/>
      <c r="G17" s="81"/>
      <c r="H17" s="54"/>
    </row>
    <row r="18" spans="1:43" s="52" customFormat="1" ht="18" customHeight="1" thickBot="1" x14ac:dyDescent="0.4">
      <c r="A18" s="81"/>
      <c r="B18" s="213" t="s">
        <v>348</v>
      </c>
      <c r="C18" s="214"/>
      <c r="D18" s="214"/>
      <c r="E18" s="214"/>
      <c r="F18" s="215"/>
      <c r="G18" s="81"/>
      <c r="H18" s="54"/>
    </row>
    <row r="19" spans="1:43" s="52" customFormat="1" ht="18" customHeight="1" x14ac:dyDescent="0.35">
      <c r="A19" s="81"/>
      <c r="B19" s="134"/>
      <c r="C19" s="82"/>
      <c r="D19" s="82"/>
      <c r="E19" s="82"/>
      <c r="F19" s="135"/>
      <c r="G19" s="81"/>
      <c r="H19" s="54"/>
    </row>
    <row r="20" spans="1:43" s="52" customFormat="1" ht="18" customHeight="1" thickBot="1" x14ac:dyDescent="0.4">
      <c r="A20" s="81"/>
      <c r="B20" s="134"/>
      <c r="C20" s="82"/>
      <c r="D20" s="82"/>
      <c r="E20" s="82"/>
      <c r="F20" s="135"/>
      <c r="G20" s="81"/>
      <c r="H20" s="54"/>
    </row>
    <row r="21" spans="1:43" s="52" customFormat="1" ht="16.149999999999999" x14ac:dyDescent="0.35">
      <c r="B21" s="191" t="s">
        <v>6</v>
      </c>
      <c r="C21" s="192"/>
      <c r="D21" s="192"/>
      <c r="E21" s="192"/>
      <c r="F21" s="193"/>
      <c r="G21" s="57"/>
      <c r="H21" s="57"/>
      <c r="I21" s="57"/>
    </row>
    <row r="22" spans="1:43" s="52" customFormat="1" ht="16.149999999999999"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s="52" customFormat="1"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s="52" customFormat="1" ht="16.149999999999999"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c r="G25" s="52"/>
    </row>
    <row r="26" spans="1:43" s="64" customFormat="1" ht="40.5" customHeight="1" thickBot="1" x14ac:dyDescent="0.35">
      <c r="B26" s="88" t="s">
        <v>170</v>
      </c>
      <c r="C26" s="88" t="s">
        <v>169</v>
      </c>
      <c r="D26" s="88" t="s">
        <v>7</v>
      </c>
      <c r="E26" s="88" t="s">
        <v>11</v>
      </c>
      <c r="F26" s="89" t="s">
        <v>12</v>
      </c>
      <c r="G26" s="63"/>
    </row>
    <row r="27" spans="1:43" ht="16.7" thickBot="1" x14ac:dyDescent="0.4">
      <c r="B27" s="90">
        <v>1</v>
      </c>
      <c r="C27" s="140" t="s">
        <v>33</v>
      </c>
      <c r="D27" s="141"/>
      <c r="E27" s="142"/>
      <c r="F27" s="91"/>
      <c r="G27" s="52"/>
    </row>
    <row r="28" spans="1:43" ht="32.25" x14ac:dyDescent="0.35">
      <c r="B28" s="90">
        <v>1.1000000000000001</v>
      </c>
      <c r="C28" s="92" t="s">
        <v>34</v>
      </c>
      <c r="D28" s="93" t="s">
        <v>35</v>
      </c>
      <c r="E28" s="92" t="s">
        <v>172</v>
      </c>
      <c r="F28" s="66"/>
      <c r="G28" s="52"/>
    </row>
    <row r="29" spans="1:43" ht="16.149999999999999" x14ac:dyDescent="0.35">
      <c r="B29" s="90">
        <v>1.2</v>
      </c>
      <c r="C29" s="92" t="s">
        <v>36</v>
      </c>
      <c r="D29" s="93" t="s">
        <v>37</v>
      </c>
      <c r="E29" s="92" t="s">
        <v>172</v>
      </c>
      <c r="F29" s="66"/>
      <c r="G29" s="52"/>
    </row>
    <row r="30" spans="1:43" ht="16.149999999999999" x14ac:dyDescent="0.35">
      <c r="B30" s="90">
        <v>1.3</v>
      </c>
      <c r="C30" s="92" t="s">
        <v>38</v>
      </c>
      <c r="D30" s="93" t="s">
        <v>39</v>
      </c>
      <c r="E30" s="92" t="s">
        <v>40</v>
      </c>
      <c r="F30" s="66"/>
      <c r="G30" s="52"/>
    </row>
    <row r="31" spans="1:43" ht="32.25" x14ac:dyDescent="0.35">
      <c r="B31" s="90">
        <v>1.4</v>
      </c>
      <c r="C31" s="92" t="s">
        <v>349</v>
      </c>
      <c r="D31" s="93" t="s">
        <v>41</v>
      </c>
      <c r="E31" s="92" t="s">
        <v>42</v>
      </c>
      <c r="F31" s="66"/>
      <c r="G31" s="52"/>
    </row>
    <row r="32" spans="1:43" ht="16.149999999999999" x14ac:dyDescent="0.35">
      <c r="B32" s="90">
        <v>1.5</v>
      </c>
      <c r="C32" s="92" t="s">
        <v>43</v>
      </c>
      <c r="D32" s="93" t="s">
        <v>44</v>
      </c>
      <c r="E32" s="92" t="s">
        <v>47</v>
      </c>
      <c r="F32" s="66"/>
      <c r="G32" s="52"/>
    </row>
    <row r="33" spans="2:7" ht="16.149999999999999" x14ac:dyDescent="0.35">
      <c r="B33" s="90">
        <v>1.6</v>
      </c>
      <c r="C33" s="92" t="s">
        <v>45</v>
      </c>
      <c r="D33" s="93" t="s">
        <v>46</v>
      </c>
      <c r="E33" s="92" t="s">
        <v>47</v>
      </c>
      <c r="F33" s="66"/>
      <c r="G33" s="52"/>
    </row>
    <row r="34" spans="2:7" ht="16.149999999999999" x14ac:dyDescent="0.35">
      <c r="B34" s="90">
        <v>1.7</v>
      </c>
      <c r="C34" s="92" t="s">
        <v>48</v>
      </c>
      <c r="D34" s="93" t="s">
        <v>49</v>
      </c>
      <c r="E34" s="92" t="s">
        <v>47</v>
      </c>
      <c r="F34" s="66"/>
      <c r="G34" s="52"/>
    </row>
    <row r="35" spans="2:7" ht="16.149999999999999" x14ac:dyDescent="0.35">
      <c r="B35" s="90">
        <v>1.8</v>
      </c>
      <c r="C35" s="92" t="s">
        <v>50</v>
      </c>
      <c r="D35" s="93" t="s">
        <v>51</v>
      </c>
      <c r="E35" s="92" t="s">
        <v>40</v>
      </c>
      <c r="F35" s="66"/>
      <c r="G35" s="52"/>
    </row>
    <row r="36" spans="2:7" ht="16.149999999999999" x14ac:dyDescent="0.35">
      <c r="B36" s="90">
        <v>1.9</v>
      </c>
      <c r="C36" s="92" t="s">
        <v>52</v>
      </c>
      <c r="D36" s="93" t="s">
        <v>53</v>
      </c>
      <c r="E36" s="92" t="s">
        <v>47</v>
      </c>
      <c r="F36" s="66"/>
      <c r="G36" s="52"/>
    </row>
    <row r="37" spans="2:7" ht="16.149999999999999" x14ac:dyDescent="0.35">
      <c r="B37" s="94">
        <v>1.1000000000000001</v>
      </c>
      <c r="C37" s="92" t="s">
        <v>54</v>
      </c>
      <c r="D37" s="93" t="s">
        <v>55</v>
      </c>
      <c r="E37" s="92" t="s">
        <v>56</v>
      </c>
      <c r="F37" s="66"/>
      <c r="G37" s="52"/>
    </row>
    <row r="38" spans="2:7" ht="16.7" thickBot="1" x14ac:dyDescent="0.4">
      <c r="B38" s="90">
        <v>1.1100000000000001</v>
      </c>
      <c r="C38" s="92" t="s">
        <v>57</v>
      </c>
      <c r="D38" s="93" t="s">
        <v>58</v>
      </c>
      <c r="E38" s="92" t="s">
        <v>59</v>
      </c>
      <c r="F38" s="66"/>
      <c r="G38" s="52"/>
    </row>
    <row r="39" spans="2:7" ht="16.7" thickBot="1" x14ac:dyDescent="0.4">
      <c r="B39" s="90">
        <v>2</v>
      </c>
      <c r="C39" s="140" t="s">
        <v>60</v>
      </c>
      <c r="D39" s="141"/>
      <c r="E39" s="142"/>
      <c r="F39" s="65"/>
      <c r="G39" s="52"/>
    </row>
    <row r="40" spans="2:7" ht="16.149999999999999" x14ac:dyDescent="0.35">
      <c r="B40" s="90">
        <v>2.1</v>
      </c>
      <c r="C40" s="92" t="s">
        <v>61</v>
      </c>
      <c r="D40" s="93" t="s">
        <v>62</v>
      </c>
      <c r="E40" s="92" t="s">
        <v>56</v>
      </c>
      <c r="F40" s="66"/>
      <c r="G40" s="52"/>
    </row>
    <row r="41" spans="2:7" ht="16.149999999999999" x14ac:dyDescent="0.35">
      <c r="B41" s="90">
        <v>2.2000000000000002</v>
      </c>
      <c r="C41" s="92" t="s">
        <v>63</v>
      </c>
      <c r="D41" s="93" t="s">
        <v>64</v>
      </c>
      <c r="E41" s="92" t="s">
        <v>40</v>
      </c>
      <c r="F41" s="66"/>
      <c r="G41" s="52"/>
    </row>
    <row r="42" spans="2:7" ht="16.149999999999999" x14ac:dyDescent="0.35">
      <c r="B42" s="90">
        <v>2.2999999999999998</v>
      </c>
      <c r="C42" s="92" t="s">
        <v>65</v>
      </c>
      <c r="D42" s="93" t="s">
        <v>350</v>
      </c>
      <c r="E42" s="92" t="s">
        <v>47</v>
      </c>
      <c r="F42" s="66"/>
      <c r="G42" s="52"/>
    </row>
    <row r="43" spans="2:7" ht="16.149999999999999" x14ac:dyDescent="0.35">
      <c r="B43" s="90">
        <v>2.4</v>
      </c>
      <c r="C43" s="92" t="s">
        <v>66</v>
      </c>
      <c r="D43" s="93" t="s">
        <v>67</v>
      </c>
      <c r="E43" s="92" t="s">
        <v>56</v>
      </c>
      <c r="F43" s="66"/>
      <c r="G43" s="52"/>
    </row>
    <row r="44" spans="2:7" ht="16.149999999999999" x14ac:dyDescent="0.35">
      <c r="B44" s="90">
        <v>2.5</v>
      </c>
      <c r="C44" s="92" t="s">
        <v>68</v>
      </c>
      <c r="D44" s="93" t="s">
        <v>69</v>
      </c>
      <c r="E44" s="92" t="s">
        <v>56</v>
      </c>
      <c r="F44" s="66"/>
      <c r="G44" s="52"/>
    </row>
    <row r="45" spans="2:7" ht="16.149999999999999" x14ac:dyDescent="0.35">
      <c r="B45" s="90">
        <v>2.6</v>
      </c>
      <c r="C45" s="92" t="s">
        <v>70</v>
      </c>
      <c r="D45" s="93" t="s">
        <v>71</v>
      </c>
      <c r="E45" s="92" t="s">
        <v>56</v>
      </c>
      <c r="F45" s="66"/>
      <c r="G45" s="52"/>
    </row>
    <row r="46" spans="2:7" ht="16.149999999999999" x14ac:dyDescent="0.35">
      <c r="B46" s="90">
        <v>2.7</v>
      </c>
      <c r="C46" s="92" t="s">
        <v>72</v>
      </c>
      <c r="D46" s="93" t="s">
        <v>73</v>
      </c>
      <c r="E46" s="92" t="s">
        <v>56</v>
      </c>
      <c r="F46" s="66"/>
      <c r="G46" s="52"/>
    </row>
    <row r="47" spans="2:7" ht="16.149999999999999" x14ac:dyDescent="0.35">
      <c r="B47" s="90">
        <v>2.8</v>
      </c>
      <c r="C47" s="92" t="s">
        <v>74</v>
      </c>
      <c r="D47" s="93" t="s">
        <v>75</v>
      </c>
      <c r="E47" s="92" t="s">
        <v>56</v>
      </c>
      <c r="F47" s="66"/>
      <c r="G47" s="52"/>
    </row>
    <row r="48" spans="2:7" ht="16.149999999999999" x14ac:dyDescent="0.35">
      <c r="B48" s="90">
        <v>2.9</v>
      </c>
      <c r="C48" s="92" t="s">
        <v>74</v>
      </c>
      <c r="D48" s="93" t="s">
        <v>76</v>
      </c>
      <c r="E48" s="92" t="s">
        <v>59</v>
      </c>
      <c r="F48" s="66"/>
      <c r="G48" s="52"/>
    </row>
    <row r="49" spans="2:7" ht="16.149999999999999" x14ac:dyDescent="0.35">
      <c r="B49" s="94">
        <v>2.1</v>
      </c>
      <c r="C49" s="92" t="s">
        <v>77</v>
      </c>
      <c r="D49" s="93" t="s">
        <v>78</v>
      </c>
      <c r="E49" s="92" t="s">
        <v>56</v>
      </c>
      <c r="F49" s="66"/>
      <c r="G49" s="52"/>
    </row>
    <row r="50" spans="2:7" ht="16.149999999999999" x14ac:dyDescent="0.35">
      <c r="B50" s="90">
        <v>2.11</v>
      </c>
      <c r="C50" s="92" t="s">
        <v>77</v>
      </c>
      <c r="D50" s="93" t="s">
        <v>79</v>
      </c>
      <c r="E50" s="92" t="s">
        <v>59</v>
      </c>
      <c r="F50" s="66"/>
      <c r="G50" s="52"/>
    </row>
    <row r="51" spans="2:7" ht="16.149999999999999" x14ac:dyDescent="0.35">
      <c r="B51" s="90">
        <v>2.12</v>
      </c>
      <c r="C51" s="92" t="s">
        <v>80</v>
      </c>
      <c r="D51" s="93" t="s">
        <v>81</v>
      </c>
      <c r="E51" s="92" t="s">
        <v>56</v>
      </c>
      <c r="F51" s="66"/>
      <c r="G51" s="52"/>
    </row>
    <row r="52" spans="2:7" ht="16.149999999999999" x14ac:dyDescent="0.35">
      <c r="B52" s="90">
        <v>2.13</v>
      </c>
      <c r="C52" s="92" t="s">
        <v>82</v>
      </c>
      <c r="D52" s="93" t="s">
        <v>83</v>
      </c>
      <c r="E52" s="92" t="s">
        <v>40</v>
      </c>
      <c r="F52" s="66"/>
      <c r="G52" s="52"/>
    </row>
    <row r="53" spans="2:7" ht="16.149999999999999" x14ac:dyDescent="0.35">
      <c r="B53" s="90">
        <v>2.14</v>
      </c>
      <c r="C53" s="92" t="s">
        <v>84</v>
      </c>
      <c r="D53" s="93" t="s">
        <v>85</v>
      </c>
      <c r="E53" s="92" t="s">
        <v>86</v>
      </c>
      <c r="F53" s="66"/>
      <c r="G53" s="52"/>
    </row>
    <row r="54" spans="2:7" ht="16.149999999999999" x14ac:dyDescent="0.35">
      <c r="B54" s="90">
        <v>2.15</v>
      </c>
      <c r="C54" s="92" t="s">
        <v>87</v>
      </c>
      <c r="D54" s="93" t="s">
        <v>88</v>
      </c>
      <c r="E54" s="92" t="s">
        <v>56</v>
      </c>
      <c r="F54" s="66"/>
      <c r="G54" s="52"/>
    </row>
    <row r="55" spans="2:7" ht="16.7" thickBot="1" x14ac:dyDescent="0.4">
      <c r="B55" s="90"/>
      <c r="C55" s="92"/>
      <c r="D55" s="93"/>
      <c r="E55" s="92"/>
      <c r="F55" s="65"/>
      <c r="G55" s="52"/>
    </row>
    <row r="56" spans="2:7" ht="16.7" thickBot="1" x14ac:dyDescent="0.4">
      <c r="B56" s="90">
        <v>3</v>
      </c>
      <c r="C56" s="140" t="s">
        <v>89</v>
      </c>
      <c r="D56" s="141"/>
      <c r="E56" s="142"/>
      <c r="F56" s="65"/>
      <c r="G56" s="52"/>
    </row>
    <row r="57" spans="2:7" ht="32.25" x14ac:dyDescent="0.35">
      <c r="B57" s="90">
        <v>3.1</v>
      </c>
      <c r="C57" s="92" t="s">
        <v>90</v>
      </c>
      <c r="D57" s="93" t="s">
        <v>91</v>
      </c>
      <c r="E57" s="92" t="s">
        <v>40</v>
      </c>
      <c r="F57" s="66"/>
      <c r="G57" s="52"/>
    </row>
    <row r="58" spans="2:7" ht="16.149999999999999" x14ac:dyDescent="0.35">
      <c r="B58" s="90">
        <v>3.2</v>
      </c>
      <c r="C58" s="92" t="s">
        <v>92</v>
      </c>
      <c r="D58" s="93" t="s">
        <v>171</v>
      </c>
      <c r="E58" s="92" t="s">
        <v>86</v>
      </c>
      <c r="F58" s="66"/>
      <c r="G58" s="52"/>
    </row>
    <row r="59" spans="2:7" ht="16.149999999999999" x14ac:dyDescent="0.35">
      <c r="B59" s="90">
        <v>3.3</v>
      </c>
      <c r="C59" s="92" t="s">
        <v>93</v>
      </c>
      <c r="D59" s="93" t="s">
        <v>94</v>
      </c>
      <c r="E59" s="92" t="s">
        <v>40</v>
      </c>
      <c r="F59" s="66"/>
      <c r="G59" s="52"/>
    </row>
    <row r="60" spans="2:7" ht="16.149999999999999" x14ac:dyDescent="0.35">
      <c r="B60" s="90">
        <v>3.4</v>
      </c>
      <c r="C60" s="92" t="s">
        <v>95</v>
      </c>
      <c r="D60" s="93" t="s">
        <v>96</v>
      </c>
      <c r="E60" s="92" t="s">
        <v>47</v>
      </c>
      <c r="F60" s="66"/>
      <c r="G60" s="52"/>
    </row>
    <row r="61" spans="2:7" ht="16.149999999999999" x14ac:dyDescent="0.35">
      <c r="B61" s="90">
        <v>3.5</v>
      </c>
      <c r="C61" s="92" t="s">
        <v>97</v>
      </c>
      <c r="D61" s="93" t="s">
        <v>98</v>
      </c>
      <c r="E61" s="92" t="s">
        <v>40</v>
      </c>
      <c r="F61" s="66"/>
      <c r="G61" s="52"/>
    </row>
    <row r="62" spans="2:7" ht="16.149999999999999" x14ac:dyDescent="0.35">
      <c r="B62" s="90">
        <v>3.6</v>
      </c>
      <c r="C62" s="92" t="s">
        <v>99</v>
      </c>
      <c r="D62" s="93" t="s">
        <v>100</v>
      </c>
      <c r="E62" s="92" t="s">
        <v>40</v>
      </c>
      <c r="F62" s="66"/>
      <c r="G62" s="52"/>
    </row>
    <row r="63" spans="2:7" ht="16.149999999999999" x14ac:dyDescent="0.35">
      <c r="B63" s="90">
        <v>3.7</v>
      </c>
      <c r="C63" s="92" t="s">
        <v>101</v>
      </c>
      <c r="D63" s="93" t="s">
        <v>102</v>
      </c>
      <c r="E63" s="92" t="s">
        <v>40</v>
      </c>
      <c r="F63" s="66"/>
      <c r="G63" s="52"/>
    </row>
    <row r="64" spans="2:7" ht="16.149999999999999" x14ac:dyDescent="0.35">
      <c r="B64" s="90">
        <v>3.8</v>
      </c>
      <c r="C64" s="92" t="s">
        <v>103</v>
      </c>
      <c r="D64" s="93" t="s">
        <v>104</v>
      </c>
      <c r="E64" s="92" t="s">
        <v>40</v>
      </c>
      <c r="F64" s="66"/>
      <c r="G64" s="52"/>
    </row>
    <row r="65" spans="2:7" ht="16.7" thickBot="1" x14ac:dyDescent="0.4">
      <c r="B65" s="90"/>
      <c r="C65" s="92"/>
      <c r="D65" s="93"/>
      <c r="E65" s="92"/>
      <c r="F65" s="65"/>
      <c r="G65" s="52"/>
    </row>
    <row r="66" spans="2:7" ht="16.7" thickBot="1" x14ac:dyDescent="0.4">
      <c r="B66" s="90">
        <v>4</v>
      </c>
      <c r="C66" s="140" t="s">
        <v>105</v>
      </c>
      <c r="D66" s="141"/>
      <c r="E66" s="142"/>
      <c r="F66" s="65"/>
      <c r="G66" s="52"/>
    </row>
    <row r="67" spans="2:7" ht="16.149999999999999" x14ac:dyDescent="0.35">
      <c r="B67" s="90">
        <v>4.0999999999999996</v>
      </c>
      <c r="C67" s="92" t="s">
        <v>106</v>
      </c>
      <c r="D67" s="93" t="s">
        <v>107</v>
      </c>
      <c r="E67" s="92" t="s">
        <v>40</v>
      </c>
      <c r="F67" s="66"/>
      <c r="G67" s="52"/>
    </row>
    <row r="68" spans="2:7" ht="16.149999999999999" x14ac:dyDescent="0.35">
      <c r="B68" s="90">
        <v>4.2</v>
      </c>
      <c r="C68" s="92" t="s">
        <v>108</v>
      </c>
      <c r="D68" s="93" t="s">
        <v>109</v>
      </c>
      <c r="E68" s="92" t="s">
        <v>40</v>
      </c>
      <c r="F68" s="66"/>
      <c r="G68" s="52"/>
    </row>
    <row r="69" spans="2:7" ht="16.149999999999999" x14ac:dyDescent="0.35">
      <c r="B69" s="90">
        <v>4.3</v>
      </c>
      <c r="C69" s="92" t="s">
        <v>110</v>
      </c>
      <c r="D69" s="93" t="s">
        <v>111</v>
      </c>
      <c r="E69" s="92" t="s">
        <v>40</v>
      </c>
      <c r="F69" s="66"/>
      <c r="G69" s="52"/>
    </row>
    <row r="70" spans="2:7" ht="16.149999999999999" x14ac:dyDescent="0.35">
      <c r="B70" s="90">
        <v>4.4000000000000004</v>
      </c>
      <c r="C70" s="92" t="s">
        <v>112</v>
      </c>
      <c r="D70" s="93" t="s">
        <v>113</v>
      </c>
      <c r="E70" s="92" t="s">
        <v>40</v>
      </c>
      <c r="F70" s="66"/>
      <c r="G70" s="52"/>
    </row>
    <row r="71" spans="2:7" ht="16.149999999999999" x14ac:dyDescent="0.35">
      <c r="B71" s="90">
        <v>4.5</v>
      </c>
      <c r="C71" s="92" t="s">
        <v>114</v>
      </c>
      <c r="D71" s="93" t="s">
        <v>115</v>
      </c>
      <c r="E71" s="92" t="s">
        <v>40</v>
      </c>
      <c r="F71" s="66"/>
      <c r="G71" s="52"/>
    </row>
    <row r="72" spans="2:7" ht="16.149999999999999" x14ac:dyDescent="0.35">
      <c r="B72" s="90">
        <v>4.5999999999999996</v>
      </c>
      <c r="C72" s="92" t="s">
        <v>116</v>
      </c>
      <c r="D72" s="93" t="s">
        <v>117</v>
      </c>
      <c r="E72" s="92" t="s">
        <v>40</v>
      </c>
      <c r="F72" s="67"/>
      <c r="G72" s="52"/>
    </row>
    <row r="73" spans="2:7" ht="16.149999999999999" x14ac:dyDescent="0.35">
      <c r="B73" s="90">
        <v>4.7</v>
      </c>
      <c r="C73" s="92" t="s">
        <v>118</v>
      </c>
      <c r="D73" s="93" t="s">
        <v>119</v>
      </c>
      <c r="E73" s="92" t="s">
        <v>40</v>
      </c>
      <c r="F73" s="67"/>
      <c r="G73" s="52"/>
    </row>
    <row r="74" spans="2:7" ht="16.149999999999999" x14ac:dyDescent="0.35">
      <c r="B74" s="90">
        <v>4.8</v>
      </c>
      <c r="C74" s="92" t="s">
        <v>120</v>
      </c>
      <c r="D74" s="93" t="s">
        <v>121</v>
      </c>
      <c r="E74" s="92" t="s">
        <v>40</v>
      </c>
      <c r="F74" s="67"/>
      <c r="G74" s="52"/>
    </row>
    <row r="75" spans="2:7" ht="16.149999999999999" x14ac:dyDescent="0.35">
      <c r="B75" s="90">
        <v>4.9000000000000004</v>
      </c>
      <c r="C75" s="92" t="s">
        <v>120</v>
      </c>
      <c r="D75" s="93" t="s">
        <v>122</v>
      </c>
      <c r="E75" s="92" t="s">
        <v>40</v>
      </c>
      <c r="F75" s="67"/>
      <c r="G75" s="52"/>
    </row>
    <row r="76" spans="2:7" ht="16.149999999999999" x14ac:dyDescent="0.35">
      <c r="B76" s="94">
        <v>4.0999999999999996</v>
      </c>
      <c r="C76" s="92" t="s">
        <v>123</v>
      </c>
      <c r="D76" s="93" t="s">
        <v>124</v>
      </c>
      <c r="E76" s="92" t="s">
        <v>40</v>
      </c>
      <c r="F76" s="67"/>
      <c r="G76" s="52"/>
    </row>
    <row r="77" spans="2:7" ht="16.149999999999999" x14ac:dyDescent="0.35">
      <c r="B77" s="90">
        <v>4.1100000000000003</v>
      </c>
      <c r="C77" s="92" t="s">
        <v>125</v>
      </c>
      <c r="D77" s="93" t="s">
        <v>126</v>
      </c>
      <c r="E77" s="92" t="s">
        <v>40</v>
      </c>
      <c r="F77" s="67"/>
      <c r="G77" s="52"/>
    </row>
    <row r="78" spans="2:7" ht="16.149999999999999" x14ac:dyDescent="0.35">
      <c r="B78" s="90">
        <v>4.12</v>
      </c>
      <c r="C78" s="92" t="s">
        <v>127</v>
      </c>
      <c r="D78" s="93" t="s">
        <v>128</v>
      </c>
      <c r="E78" s="92" t="s">
        <v>40</v>
      </c>
      <c r="F78" s="67"/>
      <c r="G78" s="52"/>
    </row>
    <row r="79" spans="2:7" ht="16.149999999999999" x14ac:dyDescent="0.35">
      <c r="B79" s="90">
        <v>4.13</v>
      </c>
      <c r="C79" s="92" t="s">
        <v>129</v>
      </c>
      <c r="D79" s="93" t="s">
        <v>130</v>
      </c>
      <c r="E79" s="92" t="s">
        <v>40</v>
      </c>
      <c r="F79" s="67"/>
      <c r="G79" s="52"/>
    </row>
    <row r="80" spans="2:7" ht="16.149999999999999" x14ac:dyDescent="0.35">
      <c r="B80" s="90">
        <v>4.1399999999999997</v>
      </c>
      <c r="C80" s="92" t="s">
        <v>351</v>
      </c>
      <c r="D80" s="93" t="s">
        <v>131</v>
      </c>
      <c r="E80" s="92" t="s">
        <v>56</v>
      </c>
      <c r="F80" s="67"/>
      <c r="G80" s="52"/>
    </row>
    <row r="81" spans="2:7" ht="16.149999999999999" x14ac:dyDescent="0.35">
      <c r="B81" s="90">
        <v>4.1500000000000004</v>
      </c>
      <c r="C81" s="92" t="s">
        <v>132</v>
      </c>
      <c r="D81" s="93" t="s">
        <v>133</v>
      </c>
      <c r="E81" s="92" t="s">
        <v>40</v>
      </c>
      <c r="F81" s="67"/>
      <c r="G81" s="52"/>
    </row>
    <row r="82" spans="2:7" ht="16.149999999999999" x14ac:dyDescent="0.35">
      <c r="B82" s="90">
        <v>4.16</v>
      </c>
      <c r="C82" s="92" t="s">
        <v>132</v>
      </c>
      <c r="D82" s="93" t="s">
        <v>134</v>
      </c>
      <c r="E82" s="92" t="s">
        <v>40</v>
      </c>
      <c r="F82" s="67"/>
      <c r="G82" s="52"/>
    </row>
    <row r="83" spans="2:7" ht="16.149999999999999" x14ac:dyDescent="0.35">
      <c r="B83" s="90">
        <v>4.17</v>
      </c>
      <c r="C83" s="92" t="s">
        <v>135</v>
      </c>
      <c r="D83" s="93" t="s">
        <v>136</v>
      </c>
      <c r="E83" s="92" t="s">
        <v>40</v>
      </c>
      <c r="F83" s="67"/>
      <c r="G83" s="52"/>
    </row>
    <row r="84" spans="2:7" ht="16.149999999999999" x14ac:dyDescent="0.35">
      <c r="B84" s="90">
        <v>4.18</v>
      </c>
      <c r="C84" s="92" t="s">
        <v>135</v>
      </c>
      <c r="D84" s="93" t="s">
        <v>137</v>
      </c>
      <c r="E84" s="92" t="s">
        <v>40</v>
      </c>
      <c r="F84" s="67"/>
      <c r="G84" s="52"/>
    </row>
    <row r="85" spans="2:7" ht="16.149999999999999" x14ac:dyDescent="0.35">
      <c r="B85" s="90">
        <v>4.1900000000000004</v>
      </c>
      <c r="C85" s="92" t="s">
        <v>138</v>
      </c>
      <c r="D85" s="93" t="s">
        <v>139</v>
      </c>
      <c r="E85" s="92" t="s">
        <v>40</v>
      </c>
      <c r="F85" s="67"/>
      <c r="G85" s="52"/>
    </row>
    <row r="86" spans="2:7" ht="16.149999999999999" x14ac:dyDescent="0.35">
      <c r="B86" s="94">
        <v>4.2</v>
      </c>
      <c r="C86" s="92" t="s">
        <v>140</v>
      </c>
      <c r="D86" s="93" t="s">
        <v>141</v>
      </c>
      <c r="E86" s="92" t="s">
        <v>40</v>
      </c>
      <c r="F86" s="67"/>
      <c r="G86" s="52"/>
    </row>
    <row r="87" spans="2:7" ht="16.149999999999999" x14ac:dyDescent="0.35">
      <c r="B87" s="90">
        <v>4.21</v>
      </c>
      <c r="C87" s="92" t="s">
        <v>142</v>
      </c>
      <c r="D87" s="93" t="s">
        <v>143</v>
      </c>
      <c r="E87" s="92" t="s">
        <v>40</v>
      </c>
      <c r="F87" s="67"/>
      <c r="G87" s="52"/>
    </row>
    <row r="88" spans="2:7" ht="16.149999999999999" x14ac:dyDescent="0.35">
      <c r="B88" s="90">
        <v>4.22</v>
      </c>
      <c r="C88" s="92" t="s">
        <v>144</v>
      </c>
      <c r="D88" s="93" t="s">
        <v>145</v>
      </c>
      <c r="E88" s="92" t="s">
        <v>56</v>
      </c>
      <c r="F88" s="67"/>
      <c r="G88" s="52"/>
    </row>
    <row r="89" spans="2:7" ht="16.149999999999999" x14ac:dyDescent="0.35">
      <c r="B89" s="90">
        <v>4.2300000000000004</v>
      </c>
      <c r="C89" s="92" t="s">
        <v>146</v>
      </c>
      <c r="D89" s="93" t="s">
        <v>147</v>
      </c>
      <c r="E89" s="92" t="s">
        <v>56</v>
      </c>
      <c r="F89" s="67"/>
      <c r="G89" s="52"/>
    </row>
    <row r="90" spans="2:7" ht="16.149999999999999" x14ac:dyDescent="0.35">
      <c r="B90" s="90">
        <v>4.24</v>
      </c>
      <c r="C90" s="92" t="s">
        <v>146</v>
      </c>
      <c r="D90" s="93" t="s">
        <v>148</v>
      </c>
      <c r="E90" s="92" t="s">
        <v>56</v>
      </c>
      <c r="F90" s="67"/>
      <c r="G90" s="52"/>
    </row>
    <row r="91" spans="2:7" ht="16.149999999999999" x14ac:dyDescent="0.35">
      <c r="B91" s="90">
        <v>4.25</v>
      </c>
      <c r="C91" s="92" t="s">
        <v>146</v>
      </c>
      <c r="D91" s="93" t="s">
        <v>149</v>
      </c>
      <c r="E91" s="92" t="s">
        <v>56</v>
      </c>
      <c r="F91" s="67"/>
      <c r="G91" s="52"/>
    </row>
    <row r="92" spans="2:7" ht="16.149999999999999" x14ac:dyDescent="0.35">
      <c r="B92" s="90">
        <v>4.26</v>
      </c>
      <c r="C92" s="92" t="s">
        <v>150</v>
      </c>
      <c r="D92" s="93" t="s">
        <v>151</v>
      </c>
      <c r="E92" s="92" t="s">
        <v>56</v>
      </c>
      <c r="F92" s="67"/>
      <c r="G92" s="52"/>
    </row>
    <row r="93" spans="2:7" ht="16.149999999999999" x14ac:dyDescent="0.35">
      <c r="B93" s="94">
        <v>4.3</v>
      </c>
      <c r="C93" s="92" t="s">
        <v>152</v>
      </c>
      <c r="D93" s="93" t="s">
        <v>153</v>
      </c>
      <c r="E93" s="92" t="s">
        <v>56</v>
      </c>
      <c r="F93" s="67"/>
      <c r="G93" s="52"/>
    </row>
    <row r="94" spans="2:7" ht="16.149999999999999" x14ac:dyDescent="0.35">
      <c r="B94" s="90">
        <v>4.3099999999999996</v>
      </c>
      <c r="C94" s="92" t="s">
        <v>154</v>
      </c>
      <c r="D94" s="93" t="s">
        <v>154</v>
      </c>
      <c r="E94" s="92" t="s">
        <v>40</v>
      </c>
      <c r="F94" s="67"/>
      <c r="G94" s="52"/>
    </row>
    <row r="95" spans="2:7" ht="16.149999999999999" x14ac:dyDescent="0.35">
      <c r="B95" s="90">
        <v>4.32</v>
      </c>
      <c r="C95" s="92" t="s">
        <v>84</v>
      </c>
      <c r="D95" s="93" t="s">
        <v>155</v>
      </c>
      <c r="E95" s="92" t="s">
        <v>40</v>
      </c>
      <c r="F95" s="67"/>
      <c r="G95" s="52"/>
    </row>
    <row r="96" spans="2:7" ht="16.149999999999999" x14ac:dyDescent="0.35">
      <c r="B96" s="90">
        <v>4.33</v>
      </c>
      <c r="C96" s="92" t="s">
        <v>156</v>
      </c>
      <c r="D96" s="93" t="s">
        <v>157</v>
      </c>
      <c r="E96" s="92" t="s">
        <v>40</v>
      </c>
      <c r="F96" s="67"/>
      <c r="G96" s="52"/>
    </row>
    <row r="97" spans="2:7" ht="16.149999999999999" x14ac:dyDescent="0.35">
      <c r="B97" s="90">
        <v>4.34</v>
      </c>
      <c r="C97" s="92" t="s">
        <v>158</v>
      </c>
      <c r="D97" s="93" t="s">
        <v>158</v>
      </c>
      <c r="E97" s="92" t="s">
        <v>40</v>
      </c>
      <c r="F97" s="67"/>
      <c r="G97" s="52"/>
    </row>
    <row r="98" spans="2:7" ht="16.149999999999999" x14ac:dyDescent="0.35">
      <c r="B98" s="90">
        <v>4.3499999999999996</v>
      </c>
      <c r="C98" s="92" t="s">
        <v>159</v>
      </c>
      <c r="D98" s="93" t="s">
        <v>160</v>
      </c>
      <c r="E98" s="92" t="s">
        <v>56</v>
      </c>
      <c r="F98" s="67"/>
      <c r="G98" s="52"/>
    </row>
    <row r="99" spans="2:7" ht="16.149999999999999" x14ac:dyDescent="0.35">
      <c r="B99" s="90">
        <v>4.3600000000000003</v>
      </c>
      <c r="C99" s="92" t="s">
        <v>161</v>
      </c>
      <c r="D99" s="93" t="s">
        <v>162</v>
      </c>
      <c r="E99" s="92" t="s">
        <v>40</v>
      </c>
      <c r="F99" s="67"/>
      <c r="G99" s="52"/>
    </row>
    <row r="100" spans="2:7" ht="16.149999999999999" x14ac:dyDescent="0.35">
      <c r="B100" s="90">
        <v>4.37</v>
      </c>
      <c r="C100" s="92" t="s">
        <v>161</v>
      </c>
      <c r="D100" s="93" t="s">
        <v>163</v>
      </c>
      <c r="E100" s="92" t="s">
        <v>40</v>
      </c>
      <c r="F100" s="67"/>
      <c r="G100" s="52"/>
    </row>
    <row r="101" spans="2:7" ht="16.7" thickBot="1" x14ac:dyDescent="0.4">
      <c r="B101" s="96"/>
      <c r="C101" s="97"/>
      <c r="D101" s="98"/>
      <c r="E101" s="98"/>
      <c r="F101" s="105"/>
      <c r="G101" s="52"/>
    </row>
    <row r="102" spans="2:7" ht="16.149999999999999" x14ac:dyDescent="0.35">
      <c r="B102" s="81"/>
      <c r="C102" s="81"/>
      <c r="D102" s="81"/>
      <c r="E102" s="81"/>
      <c r="F102" s="81"/>
      <c r="G102" s="52"/>
    </row>
    <row r="103" spans="2:7" ht="16.149999999999999" x14ac:dyDescent="0.35">
      <c r="B103" s="81"/>
      <c r="C103" s="81"/>
      <c r="D103" s="81"/>
      <c r="E103" s="81"/>
      <c r="F103" s="81"/>
      <c r="G103" s="52"/>
    </row>
    <row r="104" spans="2:7" ht="16.7" thickBot="1" x14ac:dyDescent="0.4">
      <c r="B104" s="138" t="s">
        <v>173</v>
      </c>
      <c r="C104" s="139"/>
      <c r="D104" s="139"/>
      <c r="E104" s="139"/>
      <c r="F104" s="81"/>
      <c r="G104" s="52"/>
    </row>
    <row r="105" spans="2:7" ht="16.7" thickBot="1" x14ac:dyDescent="0.4">
      <c r="B105" s="227" t="s">
        <v>13</v>
      </c>
      <c r="C105" s="228"/>
      <c r="D105" s="104" t="s">
        <v>14</v>
      </c>
      <c r="E105" s="104" t="s">
        <v>15</v>
      </c>
      <c r="F105" s="81"/>
      <c r="G105" s="52"/>
    </row>
    <row r="106" spans="2:7" ht="16.7" thickBot="1" x14ac:dyDescent="0.4">
      <c r="B106" s="231" t="s">
        <v>204</v>
      </c>
      <c r="C106" s="232"/>
      <c r="D106" s="115" t="s">
        <v>205</v>
      </c>
      <c r="E106" s="79"/>
      <c r="F106" s="81"/>
      <c r="G106" s="52"/>
    </row>
    <row r="107" spans="2:7" ht="16.7" thickBot="1" x14ac:dyDescent="0.4">
      <c r="B107" s="233" t="s">
        <v>206</v>
      </c>
      <c r="C107" s="234" t="s">
        <v>207</v>
      </c>
      <c r="D107" s="116" t="s">
        <v>207</v>
      </c>
      <c r="E107" s="70"/>
      <c r="F107" s="81"/>
      <c r="G107" s="52"/>
    </row>
    <row r="108" spans="2:7" ht="16.149999999999999" x14ac:dyDescent="0.35">
      <c r="B108" s="81"/>
      <c r="C108" s="81"/>
      <c r="D108" s="81"/>
      <c r="E108" s="81"/>
      <c r="F108" s="81"/>
      <c r="G108" s="52"/>
    </row>
    <row r="109" spans="2:7" ht="16.7" thickBot="1" x14ac:dyDescent="0.4">
      <c r="B109" s="138" t="s">
        <v>24</v>
      </c>
      <c r="C109" s="139"/>
      <c r="D109" s="139"/>
      <c r="E109" s="81"/>
      <c r="F109" s="81"/>
      <c r="G109" s="52"/>
    </row>
    <row r="110" spans="2:7" ht="16.7" thickBot="1" x14ac:dyDescent="0.4">
      <c r="B110" s="146" t="s">
        <v>25</v>
      </c>
      <c r="C110" s="147"/>
      <c r="D110" s="104" t="s">
        <v>26</v>
      </c>
      <c r="E110" s="81"/>
      <c r="F110" s="81"/>
      <c r="G110" s="52"/>
    </row>
    <row r="111" spans="2:7" ht="16.7" thickBot="1" x14ac:dyDescent="0.4">
      <c r="B111" s="150" t="s">
        <v>27</v>
      </c>
      <c r="C111" s="151"/>
      <c r="D111" s="71"/>
      <c r="E111" s="81"/>
      <c r="F111" s="81"/>
      <c r="G111" s="52"/>
    </row>
    <row r="112" spans="2:7" ht="16.149999999999999" x14ac:dyDescent="0.35">
      <c r="B112" s="52"/>
      <c r="C112" s="52"/>
      <c r="D112" s="52"/>
      <c r="E112" s="52"/>
      <c r="F112" s="52"/>
      <c r="G112" s="52"/>
    </row>
    <row r="113" spans="2:7" ht="16.149999999999999" x14ac:dyDescent="0.35">
      <c r="B113" s="52"/>
      <c r="C113" s="52"/>
      <c r="D113" s="52"/>
      <c r="E113" s="52"/>
      <c r="F113" s="52"/>
      <c r="G113" s="52"/>
    </row>
    <row r="114" spans="2:7" s="52" customFormat="1" ht="16.7" thickBot="1" x14ac:dyDescent="0.4">
      <c r="B114" s="72"/>
      <c r="C114" s="72"/>
      <c r="E114" s="136"/>
      <c r="F114" s="136"/>
      <c r="G114" s="136"/>
    </row>
    <row r="115" spans="2:7" s="52" customFormat="1" ht="16.149999999999999" x14ac:dyDescent="0.35">
      <c r="B115" s="137" t="s">
        <v>28</v>
      </c>
      <c r="C115" s="137"/>
      <c r="E115" s="152" t="s">
        <v>29</v>
      </c>
      <c r="F115" s="152"/>
      <c r="G115" s="152"/>
    </row>
    <row r="116" spans="2:7" s="52" customFormat="1" ht="16.149999999999999" x14ac:dyDescent="0.35"/>
    <row r="117" spans="2:7" s="52" customFormat="1" ht="16.149999999999999" x14ac:dyDescent="0.35"/>
    <row r="118" spans="2:7" s="52" customFormat="1" ht="16.7" thickBot="1" x14ac:dyDescent="0.4">
      <c r="B118" s="72"/>
      <c r="C118" s="72"/>
      <c r="E118" s="136"/>
      <c r="F118" s="136"/>
      <c r="G118" s="136"/>
    </row>
    <row r="119" spans="2:7" s="52" customFormat="1" ht="16.149999999999999" x14ac:dyDescent="0.35">
      <c r="B119" s="137" t="s">
        <v>30</v>
      </c>
      <c r="C119" s="137"/>
      <c r="E119" s="137" t="s">
        <v>31</v>
      </c>
      <c r="F119" s="137"/>
      <c r="G119" s="137"/>
    </row>
  </sheetData>
  <sheetProtection algorithmName="SHA-512" hashValue="A89Lfu2t7DGuwkM8cv8VCsXqodKeIEhLCFXxMcpZPWjLZqOakZNfwDi345q/olVfmH8e7ua07GNVf9kA6r19VQ==" saltValue="Ni4+mY5FheE8+D9NNuAfyg=="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47">
    <mergeCell ref="B12:F12"/>
    <mergeCell ref="B13:F13"/>
    <mergeCell ref="B2:C2"/>
    <mergeCell ref="D2:F2"/>
    <mergeCell ref="B3:C3"/>
    <mergeCell ref="D3:F3"/>
    <mergeCell ref="B7:F7"/>
    <mergeCell ref="B8:F8"/>
    <mergeCell ref="B9:F9"/>
    <mergeCell ref="B10:F10"/>
    <mergeCell ref="B11:F11"/>
    <mergeCell ref="B4:C4"/>
    <mergeCell ref="D4:F4"/>
    <mergeCell ref="B5:C5"/>
    <mergeCell ref="D5:F5"/>
    <mergeCell ref="AJ22:AK22"/>
    <mergeCell ref="AP22:AQ22"/>
    <mergeCell ref="B23:D23"/>
    <mergeCell ref="AD23:AE23"/>
    <mergeCell ref="AJ23:AK23"/>
    <mergeCell ref="AP23:AQ23"/>
    <mergeCell ref="AD22:AE22"/>
    <mergeCell ref="B22:D22"/>
    <mergeCell ref="B119:C119"/>
    <mergeCell ref="E119:G119"/>
    <mergeCell ref="B106:C106"/>
    <mergeCell ref="B107:C107"/>
    <mergeCell ref="B105:C105"/>
    <mergeCell ref="B110:C110"/>
    <mergeCell ref="B111:C111"/>
    <mergeCell ref="E114:G114"/>
    <mergeCell ref="B115:C115"/>
    <mergeCell ref="E115:G115"/>
    <mergeCell ref="E118:G118"/>
    <mergeCell ref="B109:D109"/>
    <mergeCell ref="B104:E104"/>
    <mergeCell ref="B25:F25"/>
    <mergeCell ref="C27:E27"/>
    <mergeCell ref="C39:E39"/>
    <mergeCell ref="C56:E56"/>
    <mergeCell ref="C66:E66"/>
    <mergeCell ref="B15:F15"/>
    <mergeCell ref="B16:F16"/>
    <mergeCell ref="B17:F17"/>
    <mergeCell ref="B21:F21"/>
    <mergeCell ref="B14:F14"/>
    <mergeCell ref="B18:F18"/>
  </mergeCells>
  <pageMargins left="6.9444444444444441E-3" right="6.9444444444444441E-3" top="6.9444444444444441E-3" bottom="6.9444444444444441E-3" header="0.3" footer="0.3"/>
  <pageSetup paperSize="9" scale="52" orientation="portrait" r:id="rId1"/>
  <rowBreaks count="1" manualBreakCount="1">
    <brk id="65" max="6" man="1"/>
  </rowBreaks>
  <colBreaks count="1" manualBreakCount="1">
    <brk id="7"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8DA5FB-EE06-4711-9285-21124A9A43ED}">
  <dimension ref="A1:AQ123"/>
  <sheetViews>
    <sheetView view="pageBreakPreview" topLeftCell="A9" zoomScale="96" zoomScaleNormal="85" zoomScaleSheetLayoutView="96" workbookViewId="0">
      <selection activeCell="B16" sqref="B16:F16"/>
    </sheetView>
  </sheetViews>
  <sheetFormatPr defaultColWidth="9.09765625" defaultRowHeight="16.149999999999999" x14ac:dyDescent="0.35"/>
  <cols>
    <col min="1" max="1" width="4"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74"/>
      <c r="C1" s="74"/>
      <c r="D1" s="74"/>
      <c r="F1" s="73"/>
    </row>
    <row r="2" spans="1:8" x14ac:dyDescent="0.35">
      <c r="B2" s="175" t="s">
        <v>0</v>
      </c>
      <c r="C2" s="176" t="s">
        <v>164</v>
      </c>
      <c r="D2" s="177" t="s">
        <v>327</v>
      </c>
      <c r="E2" s="178"/>
      <c r="F2" s="179"/>
    </row>
    <row r="3" spans="1:8" x14ac:dyDescent="0.35">
      <c r="B3" s="180" t="s">
        <v>1</v>
      </c>
      <c r="C3" s="181" t="s">
        <v>168</v>
      </c>
      <c r="D3" s="197" t="s">
        <v>330</v>
      </c>
      <c r="E3" s="198"/>
      <c r="F3" s="199"/>
    </row>
    <row r="4" spans="1:8" x14ac:dyDescent="0.35">
      <c r="B4" s="180" t="s">
        <v>2</v>
      </c>
      <c r="C4" s="181" t="s">
        <v>312</v>
      </c>
      <c r="D4" s="185" t="s">
        <v>313</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207" t="s">
        <v>4</v>
      </c>
      <c r="C7" s="208"/>
      <c r="D7" s="208"/>
      <c r="E7" s="208"/>
      <c r="F7" s="209"/>
    </row>
    <row r="8" spans="1:8" x14ac:dyDescent="0.35">
      <c r="B8" s="202" t="s">
        <v>332</v>
      </c>
      <c r="C8" s="203"/>
      <c r="D8" s="203"/>
      <c r="E8" s="203"/>
      <c r="F8" s="204"/>
      <c r="G8" s="54"/>
      <c r="H8" s="54"/>
    </row>
    <row r="9" spans="1:8" ht="35.299999999999997" customHeight="1" x14ac:dyDescent="0.35">
      <c r="B9" s="210" t="s">
        <v>5</v>
      </c>
      <c r="C9" s="211"/>
      <c r="D9" s="211"/>
      <c r="E9" s="211"/>
      <c r="F9" s="212"/>
      <c r="G9" s="54"/>
      <c r="H9" s="54"/>
    </row>
    <row r="10" spans="1:8" x14ac:dyDescent="0.35">
      <c r="B10" s="210" t="s">
        <v>344</v>
      </c>
      <c r="C10" s="211"/>
      <c r="D10" s="211"/>
      <c r="E10" s="211"/>
      <c r="F10" s="212"/>
    </row>
    <row r="11" spans="1:8" ht="34.6" customHeight="1" x14ac:dyDescent="0.35">
      <c r="B11" s="210" t="s">
        <v>336</v>
      </c>
      <c r="C11" s="211"/>
      <c r="D11" s="211"/>
      <c r="E11" s="211"/>
      <c r="F11" s="212"/>
      <c r="G11" s="54"/>
      <c r="H11" s="54"/>
    </row>
    <row r="12" spans="1:8" ht="49.55" customHeight="1" x14ac:dyDescent="0.35">
      <c r="B12" s="210" t="s">
        <v>166</v>
      </c>
      <c r="C12" s="211"/>
      <c r="D12" s="211"/>
      <c r="E12" s="211"/>
      <c r="F12" s="212"/>
    </row>
    <row r="13" spans="1:8" x14ac:dyDescent="0.35">
      <c r="B13" s="202" t="s">
        <v>167</v>
      </c>
      <c r="C13" s="203"/>
      <c r="D13" s="203"/>
      <c r="E13" s="203"/>
      <c r="F13" s="204"/>
      <c r="G13" s="54"/>
      <c r="H13" s="54"/>
    </row>
    <row r="14" spans="1:8" x14ac:dyDescent="0.35">
      <c r="A14" s="81"/>
      <c r="B14" s="202" t="s">
        <v>354</v>
      </c>
      <c r="C14" s="203"/>
      <c r="D14" s="203"/>
      <c r="E14" s="203"/>
      <c r="F14" s="204"/>
      <c r="G14" s="81"/>
      <c r="H14" s="54"/>
    </row>
    <row r="15" spans="1:8" x14ac:dyDescent="0.35">
      <c r="A15" s="81"/>
      <c r="B15" s="216" t="s">
        <v>352</v>
      </c>
      <c r="C15" s="217"/>
      <c r="D15" s="217"/>
      <c r="E15" s="217"/>
      <c r="F15" s="218"/>
      <c r="G15" s="81"/>
      <c r="H15" s="54"/>
    </row>
    <row r="16" spans="1:8" ht="33" customHeight="1" x14ac:dyDescent="0.35">
      <c r="A16" s="81"/>
      <c r="B16" s="210" t="s">
        <v>346</v>
      </c>
      <c r="C16" s="211"/>
      <c r="D16" s="211"/>
      <c r="E16" s="211"/>
      <c r="F16" s="212"/>
      <c r="G16" s="81"/>
      <c r="H16" s="54"/>
    </row>
    <row r="17" spans="1:43" x14ac:dyDescent="0.35">
      <c r="A17" s="81"/>
      <c r="B17" s="202" t="s">
        <v>347</v>
      </c>
      <c r="C17" s="203"/>
      <c r="D17" s="203"/>
      <c r="E17" s="203"/>
      <c r="F17" s="204"/>
      <c r="G17" s="81"/>
      <c r="H17" s="54"/>
    </row>
    <row r="18" spans="1:43" ht="18" customHeight="1" thickBot="1" x14ac:dyDescent="0.4">
      <c r="A18" s="81"/>
      <c r="B18" s="213" t="s">
        <v>348</v>
      </c>
      <c r="C18" s="214"/>
      <c r="D18" s="214"/>
      <c r="E18" s="214"/>
      <c r="F18" s="215"/>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36.75" customHeight="1" thickBot="1" x14ac:dyDescent="0.35">
      <c r="B26" s="88" t="s">
        <v>170</v>
      </c>
      <c r="C26" s="88" t="s">
        <v>169</v>
      </c>
      <c r="D26" s="88" t="s">
        <v>7</v>
      </c>
      <c r="E26" s="88" t="s">
        <v>11</v>
      </c>
      <c r="F26" s="89" t="s">
        <v>12</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0">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4">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5"/>
    </row>
    <row r="56" spans="2:6" ht="16.7" thickBot="1" x14ac:dyDescent="0.4">
      <c r="B56" s="90">
        <v>3</v>
      </c>
      <c r="C56" s="140" t="s">
        <v>89</v>
      </c>
      <c r="D56" s="141"/>
      <c r="E56" s="142"/>
      <c r="F56" s="65"/>
    </row>
    <row r="57" spans="2:6" ht="32.25" x14ac:dyDescent="0.35">
      <c r="B57" s="90">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5"/>
    </row>
    <row r="66" spans="2:6" ht="16.7" thickBot="1" x14ac:dyDescent="0.4">
      <c r="B66" s="90">
        <v>4</v>
      </c>
      <c r="C66" s="140" t="s">
        <v>105</v>
      </c>
      <c r="D66" s="141"/>
      <c r="E66" s="142"/>
      <c r="F66" s="65"/>
    </row>
    <row r="67" spans="2:6" x14ac:dyDescent="0.35">
      <c r="B67" s="90">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4">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4">
        <v>4.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4">
        <v>4.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105"/>
    </row>
    <row r="102" spans="2:6" x14ac:dyDescent="0.35">
      <c r="B102" s="81"/>
      <c r="C102" s="81"/>
      <c r="D102" s="81"/>
      <c r="E102" s="81"/>
      <c r="F102" s="81"/>
    </row>
    <row r="103" spans="2:6" ht="16.7" thickBot="1" x14ac:dyDescent="0.4">
      <c r="B103" s="81"/>
      <c r="C103" s="81"/>
      <c r="D103" s="81"/>
      <c r="E103" s="81"/>
      <c r="F103" s="81"/>
    </row>
    <row r="104" spans="2:6" ht="16.7" thickBot="1" x14ac:dyDescent="0.4">
      <c r="B104" s="143" t="s">
        <v>173</v>
      </c>
      <c r="C104" s="144"/>
      <c r="D104" s="144"/>
      <c r="E104" s="145"/>
      <c r="F104" s="81"/>
    </row>
    <row r="105" spans="2:6" ht="16.7" thickBot="1" x14ac:dyDescent="0.4">
      <c r="B105" s="146" t="s">
        <v>13</v>
      </c>
      <c r="C105" s="147"/>
      <c r="D105" s="100" t="s">
        <v>14</v>
      </c>
      <c r="E105" s="100" t="s">
        <v>15</v>
      </c>
      <c r="F105" s="81"/>
    </row>
    <row r="106" spans="2:6" x14ac:dyDescent="0.35">
      <c r="B106" s="240" t="s">
        <v>208</v>
      </c>
      <c r="C106" s="241"/>
      <c r="D106" s="115" t="s">
        <v>209</v>
      </c>
      <c r="E106" s="77"/>
      <c r="F106" s="81"/>
    </row>
    <row r="107" spans="2:6" x14ac:dyDescent="0.35">
      <c r="B107" s="242" t="s">
        <v>210</v>
      </c>
      <c r="C107" s="243" t="s">
        <v>211</v>
      </c>
      <c r="D107" s="117" t="s">
        <v>211</v>
      </c>
      <c r="E107" s="69"/>
      <c r="F107" s="81"/>
    </row>
    <row r="108" spans="2:6" x14ac:dyDescent="0.35">
      <c r="B108" s="242" t="s">
        <v>212</v>
      </c>
      <c r="C108" s="243" t="s">
        <v>213</v>
      </c>
      <c r="D108" s="118" t="s">
        <v>213</v>
      </c>
      <c r="E108" s="69"/>
      <c r="F108" s="81"/>
    </row>
    <row r="109" spans="2:6" x14ac:dyDescent="0.35">
      <c r="B109" s="242" t="s">
        <v>214</v>
      </c>
      <c r="C109" s="243" t="s">
        <v>215</v>
      </c>
      <c r="D109" s="117" t="s">
        <v>215</v>
      </c>
      <c r="E109" s="69"/>
      <c r="F109" s="81"/>
    </row>
    <row r="110" spans="2:6" ht="32.85" thickBot="1" x14ac:dyDescent="0.4">
      <c r="B110" s="238" t="s">
        <v>216</v>
      </c>
      <c r="C110" s="239" t="s">
        <v>217</v>
      </c>
      <c r="D110" s="119" t="s">
        <v>217</v>
      </c>
      <c r="E110" s="70"/>
      <c r="F110" s="81"/>
    </row>
    <row r="111" spans="2:6" x14ac:dyDescent="0.35">
      <c r="B111" s="102"/>
      <c r="C111" s="103"/>
      <c r="D111" s="81"/>
      <c r="E111" s="81"/>
      <c r="F111" s="81"/>
    </row>
    <row r="112" spans="2:6" x14ac:dyDescent="0.35">
      <c r="B112" s="81"/>
      <c r="C112" s="81"/>
      <c r="D112" s="81"/>
      <c r="E112" s="81"/>
      <c r="F112" s="81"/>
    </row>
    <row r="113" spans="2:7" ht="16.7" thickBot="1" x14ac:dyDescent="0.4">
      <c r="B113" s="138" t="s">
        <v>24</v>
      </c>
      <c r="C113" s="139"/>
      <c r="D113" s="139"/>
      <c r="E113" s="81"/>
      <c r="F113" s="81"/>
    </row>
    <row r="114" spans="2:7" ht="16.7" thickBot="1" x14ac:dyDescent="0.4">
      <c r="B114" s="146" t="s">
        <v>25</v>
      </c>
      <c r="C114" s="147"/>
      <c r="D114" s="104" t="s">
        <v>26</v>
      </c>
      <c r="E114" s="81"/>
      <c r="F114" s="81"/>
    </row>
    <row r="115" spans="2:7" ht="16.7" thickBot="1" x14ac:dyDescent="0.4">
      <c r="B115" s="150" t="s">
        <v>27</v>
      </c>
      <c r="C115" s="151"/>
      <c r="D115" s="71"/>
      <c r="E115" s="81"/>
      <c r="F115" s="81"/>
    </row>
    <row r="118" spans="2:7" ht="16.7" thickBot="1" x14ac:dyDescent="0.4">
      <c r="B118" s="72"/>
      <c r="C118" s="72"/>
      <c r="E118" s="136"/>
      <c r="F118" s="136"/>
      <c r="G118" s="136"/>
    </row>
    <row r="119" spans="2:7" x14ac:dyDescent="0.35">
      <c r="B119" s="137" t="s">
        <v>28</v>
      </c>
      <c r="C119" s="137"/>
      <c r="E119" s="152" t="s">
        <v>29</v>
      </c>
      <c r="F119" s="152"/>
      <c r="G119" s="152"/>
    </row>
    <row r="122" spans="2:7" ht="16.7" thickBot="1" x14ac:dyDescent="0.4">
      <c r="B122" s="72"/>
      <c r="C122" s="72"/>
      <c r="E122" s="136"/>
      <c r="F122" s="136"/>
      <c r="G122" s="136"/>
    </row>
    <row r="123" spans="2:7" x14ac:dyDescent="0.35">
      <c r="B123" s="137" t="s">
        <v>30</v>
      </c>
      <c r="C123" s="137"/>
      <c r="E123" s="137" t="s">
        <v>31</v>
      </c>
      <c r="F123" s="137"/>
      <c r="G123" s="137"/>
    </row>
  </sheetData>
  <sheetProtection algorithmName="SHA-512" hashValue="X2T4waUd0x6GhYcT9FTJusKSQwoqHH/wN52VHKgZcekLzkJK5CB+YbfFkarnGYlXqGHIhDQ6HBA+Y0D/F6SgJw==" saltValue="nCS/xvxjQZ2CnFYaAnjXFA=="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50">
    <mergeCell ref="B113:D113"/>
    <mergeCell ref="B2:C2"/>
    <mergeCell ref="D2:F2"/>
    <mergeCell ref="B3:C3"/>
    <mergeCell ref="D3:F3"/>
    <mergeCell ref="B14:F14"/>
    <mergeCell ref="B7:F7"/>
    <mergeCell ref="B8:F8"/>
    <mergeCell ref="B9:F9"/>
    <mergeCell ref="B10:F10"/>
    <mergeCell ref="B11:F11"/>
    <mergeCell ref="B12:F12"/>
    <mergeCell ref="B13:F13"/>
    <mergeCell ref="B4:C4"/>
    <mergeCell ref="D4:F4"/>
    <mergeCell ref="B5:C5"/>
    <mergeCell ref="D5:F5"/>
    <mergeCell ref="B15:F15"/>
    <mergeCell ref="B16:F16"/>
    <mergeCell ref="B17:F17"/>
    <mergeCell ref="B21:F21"/>
    <mergeCell ref="B18:F18"/>
    <mergeCell ref="B22:D22"/>
    <mergeCell ref="AJ22:AK22"/>
    <mergeCell ref="AP22:AQ22"/>
    <mergeCell ref="B23:D23"/>
    <mergeCell ref="AD23:AE23"/>
    <mergeCell ref="AJ23:AK23"/>
    <mergeCell ref="AP23:AQ23"/>
    <mergeCell ref="AD22:AE22"/>
    <mergeCell ref="E122:G122"/>
    <mergeCell ref="B123:C123"/>
    <mergeCell ref="E123:G123"/>
    <mergeCell ref="B114:C114"/>
    <mergeCell ref="B115:C115"/>
    <mergeCell ref="E118:G118"/>
    <mergeCell ref="B119:C119"/>
    <mergeCell ref="E119:G119"/>
    <mergeCell ref="B110:C110"/>
    <mergeCell ref="B104:E104"/>
    <mergeCell ref="B25:F25"/>
    <mergeCell ref="C27:E27"/>
    <mergeCell ref="C39:E39"/>
    <mergeCell ref="B105:C105"/>
    <mergeCell ref="B106:C106"/>
    <mergeCell ref="B107:C107"/>
    <mergeCell ref="B108:C108"/>
    <mergeCell ref="B109:C109"/>
    <mergeCell ref="C56:E56"/>
    <mergeCell ref="C66:E66"/>
  </mergeCells>
  <pageMargins left="6.9444444444444441E-3" right="6.9444444444444441E-3" top="6.9444444444444441E-3" bottom="6.9444444444444441E-3" header="0.3" footer="0.3"/>
  <pageSetup paperSize="9" scale="56" orientation="portrait" r:id="rId1"/>
  <rowBreaks count="1" manualBreakCount="1">
    <brk id="65" max="6"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BF4ECE-A3EE-448A-94C2-8833BD4F0016}">
  <dimension ref="A1:AQ123"/>
  <sheetViews>
    <sheetView view="pageBreakPreview" topLeftCell="A9" zoomScale="85" zoomScaleNormal="85" zoomScaleSheetLayoutView="85" workbookViewId="0">
      <selection activeCell="B16" sqref="B16:F16"/>
    </sheetView>
  </sheetViews>
  <sheetFormatPr defaultColWidth="9.09765625" defaultRowHeight="16.149999999999999" x14ac:dyDescent="0.35"/>
  <cols>
    <col min="1" max="1" width="4"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107"/>
      <c r="C1" s="107"/>
      <c r="D1" s="107"/>
      <c r="E1" s="83"/>
      <c r="F1" s="106"/>
    </row>
    <row r="2" spans="1:8" x14ac:dyDescent="0.35">
      <c r="B2" s="175" t="s">
        <v>0</v>
      </c>
      <c r="C2" s="176" t="s">
        <v>164</v>
      </c>
      <c r="D2" s="177" t="s">
        <v>327</v>
      </c>
      <c r="E2" s="178"/>
      <c r="F2" s="179"/>
    </row>
    <row r="3" spans="1:8" ht="15.7" customHeight="1" x14ac:dyDescent="0.35">
      <c r="B3" s="180" t="s">
        <v>1</v>
      </c>
      <c r="C3" s="181" t="s">
        <v>168</v>
      </c>
      <c r="D3" s="235" t="s">
        <v>330</v>
      </c>
      <c r="E3" s="236"/>
      <c r="F3" s="237"/>
    </row>
    <row r="4" spans="1:8" x14ac:dyDescent="0.35">
      <c r="B4" s="180" t="s">
        <v>2</v>
      </c>
      <c r="C4" s="181" t="s">
        <v>313</v>
      </c>
      <c r="D4" s="185" t="s">
        <v>338</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207" t="s">
        <v>4</v>
      </c>
      <c r="C7" s="208"/>
      <c r="D7" s="208"/>
      <c r="E7" s="208"/>
      <c r="F7" s="209"/>
    </row>
    <row r="8" spans="1:8" x14ac:dyDescent="0.35">
      <c r="B8" s="202" t="s">
        <v>332</v>
      </c>
      <c r="C8" s="203"/>
      <c r="D8" s="203"/>
      <c r="E8" s="203"/>
      <c r="F8" s="204"/>
      <c r="G8" s="54"/>
      <c r="H8" s="54"/>
    </row>
    <row r="9" spans="1:8" ht="36.75" customHeight="1" x14ac:dyDescent="0.35">
      <c r="B9" s="210" t="s">
        <v>5</v>
      </c>
      <c r="C9" s="211"/>
      <c r="D9" s="211"/>
      <c r="E9" s="211"/>
      <c r="F9" s="212"/>
      <c r="G9" s="54"/>
      <c r="H9" s="54"/>
    </row>
    <row r="10" spans="1:8" x14ac:dyDescent="0.35">
      <c r="B10" s="210" t="s">
        <v>344</v>
      </c>
      <c r="C10" s="211"/>
      <c r="D10" s="211"/>
      <c r="E10" s="211"/>
      <c r="F10" s="212"/>
    </row>
    <row r="11" spans="1:8" ht="41.2" customHeight="1" x14ac:dyDescent="0.35">
      <c r="B11" s="210" t="s">
        <v>165</v>
      </c>
      <c r="C11" s="211"/>
      <c r="D11" s="211"/>
      <c r="E11" s="211"/>
      <c r="F11" s="212"/>
      <c r="G11" s="54"/>
      <c r="H11" s="54"/>
    </row>
    <row r="12" spans="1:8" x14ac:dyDescent="0.35">
      <c r="B12" s="210" t="s">
        <v>166</v>
      </c>
      <c r="C12" s="211"/>
      <c r="D12" s="211"/>
      <c r="E12" s="211"/>
      <c r="F12" s="212"/>
    </row>
    <row r="13" spans="1:8" x14ac:dyDescent="0.35">
      <c r="B13" s="202" t="s">
        <v>167</v>
      </c>
      <c r="C13" s="203"/>
      <c r="D13" s="203"/>
      <c r="E13" s="203"/>
      <c r="F13" s="204"/>
      <c r="G13" s="54"/>
      <c r="H13" s="54"/>
    </row>
    <row r="14" spans="1:8" x14ac:dyDescent="0.35">
      <c r="A14" s="81"/>
      <c r="B14" s="202" t="s">
        <v>354</v>
      </c>
      <c r="C14" s="203"/>
      <c r="D14" s="203"/>
      <c r="E14" s="203"/>
      <c r="F14" s="204"/>
      <c r="G14" s="81"/>
      <c r="H14" s="54"/>
    </row>
    <row r="15" spans="1:8" x14ac:dyDescent="0.35">
      <c r="A15" s="81"/>
      <c r="B15" s="216" t="s">
        <v>352</v>
      </c>
      <c r="C15" s="217"/>
      <c r="D15" s="217"/>
      <c r="E15" s="217"/>
      <c r="F15" s="218"/>
      <c r="G15" s="81"/>
      <c r="H15" s="54"/>
    </row>
    <row r="16" spans="1:8" ht="33" customHeight="1" x14ac:dyDescent="0.35">
      <c r="A16" s="81"/>
      <c r="B16" s="210" t="s">
        <v>346</v>
      </c>
      <c r="C16" s="211"/>
      <c r="D16" s="211"/>
      <c r="E16" s="211"/>
      <c r="F16" s="212"/>
      <c r="G16" s="81"/>
      <c r="H16" s="54"/>
    </row>
    <row r="17" spans="1:43" x14ac:dyDescent="0.35">
      <c r="A17" s="81"/>
      <c r="B17" s="202" t="s">
        <v>347</v>
      </c>
      <c r="C17" s="203"/>
      <c r="D17" s="203"/>
      <c r="E17" s="203"/>
      <c r="F17" s="204"/>
      <c r="G17" s="81"/>
      <c r="H17" s="54"/>
    </row>
    <row r="18" spans="1:43" ht="18" customHeight="1" thickBot="1" x14ac:dyDescent="0.4">
      <c r="A18" s="81"/>
      <c r="B18" s="213" t="s">
        <v>348</v>
      </c>
      <c r="C18" s="214"/>
      <c r="D18" s="214"/>
      <c r="E18" s="214"/>
      <c r="F18" s="215"/>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36.75" customHeight="1" thickBot="1" x14ac:dyDescent="0.35">
      <c r="B26" s="88" t="s">
        <v>170</v>
      </c>
      <c r="C26" s="88" t="s">
        <v>169</v>
      </c>
      <c r="D26" s="88" t="s">
        <v>7</v>
      </c>
      <c r="E26" s="88" t="s">
        <v>11</v>
      </c>
      <c r="F26" s="89" t="s">
        <v>12</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0">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4">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6"/>
    </row>
    <row r="56" spans="2:6" ht="16.7" thickBot="1" x14ac:dyDescent="0.4">
      <c r="B56" s="90">
        <v>3</v>
      </c>
      <c r="C56" s="140" t="s">
        <v>89</v>
      </c>
      <c r="D56" s="141"/>
      <c r="E56" s="142"/>
      <c r="F56" s="65"/>
    </row>
    <row r="57" spans="2:6" ht="32.25" x14ac:dyDescent="0.35">
      <c r="B57" s="90">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5"/>
    </row>
    <row r="66" spans="2:6" ht="16.7" thickBot="1" x14ac:dyDescent="0.4">
      <c r="B66" s="90">
        <v>4</v>
      </c>
      <c r="C66" s="140" t="s">
        <v>105</v>
      </c>
      <c r="D66" s="141"/>
      <c r="E66" s="142"/>
      <c r="F66" s="65"/>
    </row>
    <row r="67" spans="2:6" x14ac:dyDescent="0.35">
      <c r="B67" s="90">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4">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4">
        <v>4.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4">
        <v>4.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105"/>
    </row>
    <row r="102" spans="2:6" x14ac:dyDescent="0.35">
      <c r="B102" s="81"/>
      <c r="C102" s="81"/>
      <c r="D102" s="81"/>
      <c r="E102" s="81"/>
      <c r="F102" s="81"/>
    </row>
    <row r="103" spans="2:6" ht="16.7" thickBot="1" x14ac:dyDescent="0.4">
      <c r="B103" s="81"/>
      <c r="C103" s="81"/>
      <c r="D103" s="81"/>
      <c r="E103" s="81"/>
      <c r="F103" s="81"/>
    </row>
    <row r="104" spans="2:6" ht="16.7" thickBot="1" x14ac:dyDescent="0.4">
      <c r="B104" s="143" t="s">
        <v>173</v>
      </c>
      <c r="C104" s="144"/>
      <c r="D104" s="144"/>
      <c r="E104" s="145"/>
      <c r="F104" s="81"/>
    </row>
    <row r="105" spans="2:6" ht="16.7" thickBot="1" x14ac:dyDescent="0.4">
      <c r="B105" s="146" t="s">
        <v>13</v>
      </c>
      <c r="C105" s="147"/>
      <c r="D105" s="100" t="s">
        <v>14</v>
      </c>
      <c r="E105" s="100" t="s">
        <v>15</v>
      </c>
      <c r="F105" s="81"/>
    </row>
    <row r="106" spans="2:6" x14ac:dyDescent="0.35">
      <c r="B106" s="240" t="s">
        <v>218</v>
      </c>
      <c r="C106" s="241"/>
      <c r="D106" s="120" t="s">
        <v>337</v>
      </c>
      <c r="E106" s="77"/>
      <c r="F106" s="81"/>
    </row>
    <row r="107" spans="2:6" x14ac:dyDescent="0.35">
      <c r="B107" s="242" t="s">
        <v>219</v>
      </c>
      <c r="C107" s="243"/>
      <c r="D107" s="121" t="s">
        <v>220</v>
      </c>
      <c r="E107" s="69"/>
      <c r="F107" s="81"/>
    </row>
    <row r="108" spans="2:6" x14ac:dyDescent="0.35">
      <c r="B108" s="242" t="s">
        <v>221</v>
      </c>
      <c r="C108" s="243"/>
      <c r="D108" s="122" t="s">
        <v>222</v>
      </c>
      <c r="E108" s="69"/>
      <c r="F108" s="81"/>
    </row>
    <row r="109" spans="2:6" x14ac:dyDescent="0.35">
      <c r="B109" s="242" t="s">
        <v>223</v>
      </c>
      <c r="C109" s="243"/>
      <c r="D109" s="122" t="s">
        <v>224</v>
      </c>
      <c r="E109" s="69"/>
      <c r="F109" s="81"/>
    </row>
    <row r="110" spans="2:6" ht="16.7" thickBot="1" x14ac:dyDescent="0.4">
      <c r="B110" s="238" t="s">
        <v>225</v>
      </c>
      <c r="C110" s="239"/>
      <c r="D110" s="123" t="s">
        <v>226</v>
      </c>
      <c r="E110" s="70"/>
      <c r="F110" s="81"/>
    </row>
    <row r="111" spans="2:6" x14ac:dyDescent="0.35">
      <c r="B111" s="102"/>
      <c r="C111" s="103"/>
      <c r="D111" s="81"/>
      <c r="E111" s="81"/>
      <c r="F111" s="81"/>
    </row>
    <row r="112" spans="2:6" x14ac:dyDescent="0.35">
      <c r="B112" s="81"/>
      <c r="C112" s="81"/>
      <c r="D112" s="81"/>
      <c r="E112" s="81"/>
      <c r="F112" s="81"/>
    </row>
    <row r="113" spans="2:7" ht="16.7" thickBot="1" x14ac:dyDescent="0.4">
      <c r="B113" s="138" t="s">
        <v>24</v>
      </c>
      <c r="C113" s="139"/>
      <c r="D113" s="139"/>
      <c r="E113" s="81"/>
      <c r="F113" s="81"/>
    </row>
    <row r="114" spans="2:7" ht="16.7" thickBot="1" x14ac:dyDescent="0.4">
      <c r="B114" s="146" t="s">
        <v>25</v>
      </c>
      <c r="C114" s="147"/>
      <c r="D114" s="104" t="s">
        <v>26</v>
      </c>
      <c r="E114" s="81"/>
      <c r="F114" s="81"/>
    </row>
    <row r="115" spans="2:7" ht="16.7" thickBot="1" x14ac:dyDescent="0.4">
      <c r="B115" s="150" t="s">
        <v>27</v>
      </c>
      <c r="C115" s="151"/>
      <c r="D115" s="71"/>
      <c r="E115" s="81"/>
      <c r="F115" s="81"/>
    </row>
    <row r="118" spans="2:7" ht="16.7" thickBot="1" x14ac:dyDescent="0.4">
      <c r="B118" s="72"/>
      <c r="C118" s="72"/>
      <c r="E118" s="136"/>
      <c r="F118" s="136"/>
      <c r="G118" s="136"/>
    </row>
    <row r="119" spans="2:7" x14ac:dyDescent="0.35">
      <c r="B119" s="137" t="s">
        <v>28</v>
      </c>
      <c r="C119" s="137"/>
      <c r="E119" s="152" t="s">
        <v>29</v>
      </c>
      <c r="F119" s="152"/>
      <c r="G119" s="152"/>
    </row>
    <row r="122" spans="2:7" ht="16.7" thickBot="1" x14ac:dyDescent="0.4">
      <c r="B122" s="72"/>
      <c r="C122" s="72"/>
      <c r="E122" s="136"/>
      <c r="F122" s="136"/>
      <c r="G122" s="136"/>
    </row>
    <row r="123" spans="2:7" x14ac:dyDescent="0.35">
      <c r="B123" s="137" t="s">
        <v>30</v>
      </c>
      <c r="C123" s="137"/>
      <c r="E123" s="137" t="s">
        <v>31</v>
      </c>
      <c r="F123" s="137"/>
      <c r="G123" s="137"/>
    </row>
  </sheetData>
  <sheetProtection algorithmName="SHA-512" hashValue="wcYcH9R/0cJef1FKxxmuAJVDx4jvLcYB/szPeVw9NfGefYp83+6+/y1Qt/Y0UAezB1HlAEFZ8JkpEkrA8pKq+w==" saltValue="FxzPKvGc+btX1jyk9iY22g=="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50">
    <mergeCell ref="B113:D113"/>
    <mergeCell ref="B2:C2"/>
    <mergeCell ref="D2:F2"/>
    <mergeCell ref="B3:C3"/>
    <mergeCell ref="D3:F3"/>
    <mergeCell ref="B14:F14"/>
    <mergeCell ref="B7:F7"/>
    <mergeCell ref="B8:F8"/>
    <mergeCell ref="B9:F9"/>
    <mergeCell ref="B10:F10"/>
    <mergeCell ref="B11:F11"/>
    <mergeCell ref="B12:F12"/>
    <mergeCell ref="B13:F13"/>
    <mergeCell ref="B4:C4"/>
    <mergeCell ref="D4:F4"/>
    <mergeCell ref="B5:C5"/>
    <mergeCell ref="D5:F5"/>
    <mergeCell ref="B15:F15"/>
    <mergeCell ref="B16:F16"/>
    <mergeCell ref="B17:F17"/>
    <mergeCell ref="B21:F21"/>
    <mergeCell ref="B18:F18"/>
    <mergeCell ref="B22:D22"/>
    <mergeCell ref="AJ22:AK22"/>
    <mergeCell ref="AP22:AQ22"/>
    <mergeCell ref="B23:D23"/>
    <mergeCell ref="AD23:AE23"/>
    <mergeCell ref="AJ23:AK23"/>
    <mergeCell ref="AP23:AQ23"/>
    <mergeCell ref="AD22:AE22"/>
    <mergeCell ref="B123:C123"/>
    <mergeCell ref="E123:G123"/>
    <mergeCell ref="B114:C114"/>
    <mergeCell ref="B115:C115"/>
    <mergeCell ref="E118:G118"/>
    <mergeCell ref="B119:C119"/>
    <mergeCell ref="E119:G119"/>
    <mergeCell ref="E122:G122"/>
    <mergeCell ref="B110:C110"/>
    <mergeCell ref="B25:F25"/>
    <mergeCell ref="C27:E27"/>
    <mergeCell ref="C39:E39"/>
    <mergeCell ref="C56:E56"/>
    <mergeCell ref="C66:E66"/>
    <mergeCell ref="B104:E104"/>
    <mergeCell ref="B105:C105"/>
    <mergeCell ref="B106:C106"/>
    <mergeCell ref="B107:C107"/>
    <mergeCell ref="B108:C108"/>
    <mergeCell ref="B109:C109"/>
  </mergeCells>
  <pageMargins left="6.9444444444444441E-3" right="6.9444444444444441E-3" top="6.9444444444444441E-3" bottom="6.9444444444444441E-3" header="0.3" footer="0.3"/>
  <pageSetup paperSize="9" scale="52" orientation="portrait" r:id="rId1"/>
  <rowBreaks count="1" manualBreakCount="1">
    <brk id="65" max="6"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CA16E8E-7CAF-4E1D-A041-D6EA09CC57A3}">
  <dimension ref="A1:AQ130"/>
  <sheetViews>
    <sheetView view="pageBreakPreview" topLeftCell="A9" zoomScaleNormal="85" zoomScaleSheetLayoutView="100" workbookViewId="0">
      <selection activeCell="B14" sqref="B14:F14"/>
    </sheetView>
  </sheetViews>
  <sheetFormatPr defaultColWidth="9.09765625" defaultRowHeight="16.149999999999999" x14ac:dyDescent="0.35"/>
  <cols>
    <col min="1" max="1" width="5.09765625"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74"/>
      <c r="C1" s="74"/>
      <c r="D1" s="74"/>
      <c r="F1" s="73"/>
    </row>
    <row r="2" spans="1:8" x14ac:dyDescent="0.35">
      <c r="B2" s="175" t="s">
        <v>0</v>
      </c>
      <c r="C2" s="176" t="s">
        <v>164</v>
      </c>
      <c r="D2" s="177" t="s">
        <v>327</v>
      </c>
      <c r="E2" s="178"/>
      <c r="F2" s="179"/>
    </row>
    <row r="3" spans="1:8" x14ac:dyDescent="0.35">
      <c r="B3" s="180" t="s">
        <v>1</v>
      </c>
      <c r="C3" s="181" t="s">
        <v>168</v>
      </c>
      <c r="D3" s="197" t="s">
        <v>330</v>
      </c>
      <c r="E3" s="198"/>
      <c r="F3" s="199"/>
    </row>
    <row r="4" spans="1:8" x14ac:dyDescent="0.35">
      <c r="B4" s="180" t="s">
        <v>2</v>
      </c>
      <c r="C4" s="181" t="s">
        <v>314</v>
      </c>
      <c r="D4" s="185" t="s">
        <v>340</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194" t="s">
        <v>4</v>
      </c>
      <c r="C7" s="195"/>
      <c r="D7" s="195"/>
      <c r="E7" s="195"/>
      <c r="F7" s="196"/>
    </row>
    <row r="8" spans="1:8" s="75" customFormat="1" ht="16.600000000000001" customHeight="1" x14ac:dyDescent="0.35">
      <c r="B8" s="153" t="s">
        <v>332</v>
      </c>
      <c r="C8" s="154"/>
      <c r="D8" s="154"/>
      <c r="E8" s="154"/>
      <c r="F8" s="155"/>
      <c r="G8" s="80"/>
      <c r="H8" s="80"/>
    </row>
    <row r="9" spans="1:8" s="75" customFormat="1" ht="33" customHeight="1" x14ac:dyDescent="0.35">
      <c r="B9" s="164" t="s">
        <v>5</v>
      </c>
      <c r="C9" s="165"/>
      <c r="D9" s="165"/>
      <c r="E9" s="165"/>
      <c r="F9" s="166"/>
      <c r="G9" s="80"/>
      <c r="H9" s="80"/>
    </row>
    <row r="10" spans="1:8" s="75" customFormat="1" x14ac:dyDescent="0.35">
      <c r="B10" s="164" t="s">
        <v>344</v>
      </c>
      <c r="C10" s="165"/>
      <c r="D10" s="165"/>
      <c r="E10" s="165"/>
      <c r="F10" s="166"/>
    </row>
    <row r="11" spans="1:8" s="75" customFormat="1" ht="37.450000000000003" customHeight="1" x14ac:dyDescent="0.35">
      <c r="B11" s="164" t="s">
        <v>165</v>
      </c>
      <c r="C11" s="165"/>
      <c r="D11" s="165"/>
      <c r="E11" s="165"/>
      <c r="F11" s="166"/>
      <c r="G11" s="80"/>
      <c r="H11" s="80"/>
    </row>
    <row r="12" spans="1:8" s="75" customFormat="1" ht="58.5" customHeight="1" x14ac:dyDescent="0.35">
      <c r="B12" s="164" t="s">
        <v>166</v>
      </c>
      <c r="C12" s="165"/>
      <c r="D12" s="165"/>
      <c r="E12" s="165"/>
      <c r="F12" s="166"/>
    </row>
    <row r="13" spans="1:8" s="75" customFormat="1" x14ac:dyDescent="0.35">
      <c r="B13" s="164" t="s">
        <v>167</v>
      </c>
      <c r="C13" s="165"/>
      <c r="D13" s="165"/>
      <c r="E13" s="165"/>
      <c r="F13" s="166"/>
      <c r="G13" s="80"/>
      <c r="H13" s="80"/>
    </row>
    <row r="14" spans="1:8" x14ac:dyDescent="0.35">
      <c r="A14" s="81"/>
      <c r="B14" s="153" t="s">
        <v>354</v>
      </c>
      <c r="C14" s="154"/>
      <c r="D14" s="154"/>
      <c r="E14" s="154"/>
      <c r="F14" s="155"/>
      <c r="G14" s="81"/>
      <c r="H14" s="54"/>
    </row>
    <row r="15" spans="1:8" x14ac:dyDescent="0.35">
      <c r="A15" s="81"/>
      <c r="B15" s="188" t="s">
        <v>352</v>
      </c>
      <c r="C15" s="189"/>
      <c r="D15" s="189"/>
      <c r="E15" s="189"/>
      <c r="F15" s="190"/>
      <c r="G15" s="81"/>
      <c r="H15" s="54"/>
    </row>
    <row r="16" spans="1:8" ht="33" customHeight="1" x14ac:dyDescent="0.35">
      <c r="A16" s="81"/>
      <c r="B16" s="164" t="s">
        <v>346</v>
      </c>
      <c r="C16" s="165"/>
      <c r="D16" s="165"/>
      <c r="E16" s="165"/>
      <c r="F16" s="166"/>
      <c r="G16" s="81"/>
      <c r="H16" s="54"/>
    </row>
    <row r="17" spans="1:43" x14ac:dyDescent="0.35">
      <c r="A17" s="81"/>
      <c r="B17" s="153" t="s">
        <v>347</v>
      </c>
      <c r="C17" s="154"/>
      <c r="D17" s="154"/>
      <c r="E17" s="154"/>
      <c r="F17" s="155"/>
      <c r="G17" s="81"/>
      <c r="H17" s="54"/>
    </row>
    <row r="18" spans="1:43" ht="18" customHeight="1" thickBot="1" x14ac:dyDescent="0.4">
      <c r="A18" s="81"/>
      <c r="B18" s="167" t="s">
        <v>348</v>
      </c>
      <c r="C18" s="168"/>
      <c r="D18" s="168"/>
      <c r="E18" s="168"/>
      <c r="F18" s="169"/>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33.700000000000003" customHeight="1" thickBot="1" x14ac:dyDescent="0.35">
      <c r="B26" s="88" t="s">
        <v>170</v>
      </c>
      <c r="C26" s="88" t="s">
        <v>169</v>
      </c>
      <c r="D26" s="88" t="s">
        <v>7</v>
      </c>
      <c r="E26" s="88" t="s">
        <v>11</v>
      </c>
      <c r="F26" s="89" t="s">
        <v>12</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4">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0">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5"/>
    </row>
    <row r="56" spans="2:6" ht="16.7" thickBot="1" x14ac:dyDescent="0.4">
      <c r="B56" s="90">
        <v>3</v>
      </c>
      <c r="C56" s="140" t="s">
        <v>89</v>
      </c>
      <c r="D56" s="141"/>
      <c r="E56" s="142"/>
      <c r="F56" s="65"/>
    </row>
    <row r="57" spans="2:6" ht="32.25" x14ac:dyDescent="0.35">
      <c r="B57" s="94">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5"/>
    </row>
    <row r="66" spans="2:6" ht="16.7" thickBot="1" x14ac:dyDescent="0.4">
      <c r="B66" s="90">
        <v>4</v>
      </c>
      <c r="C66" s="140" t="s">
        <v>105</v>
      </c>
      <c r="D66" s="141"/>
      <c r="E66" s="142"/>
      <c r="F66" s="65"/>
    </row>
    <row r="67" spans="2:6" x14ac:dyDescent="0.35">
      <c r="B67" s="94">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0">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4">
        <v>4.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4">
        <v>4.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105"/>
    </row>
    <row r="102" spans="2:6" x14ac:dyDescent="0.35">
      <c r="B102" s="81"/>
      <c r="C102" s="81"/>
      <c r="D102" s="81"/>
      <c r="E102" s="81"/>
      <c r="F102" s="81"/>
    </row>
    <row r="103" spans="2:6" x14ac:dyDescent="0.35">
      <c r="B103" s="81"/>
      <c r="C103" s="81"/>
      <c r="D103" s="99"/>
      <c r="E103" s="81"/>
      <c r="F103" s="81"/>
    </row>
    <row r="104" spans="2:6" ht="16.7" thickBot="1" x14ac:dyDescent="0.4">
      <c r="B104" s="138" t="s">
        <v>173</v>
      </c>
      <c r="C104" s="139"/>
      <c r="D104" s="139"/>
      <c r="E104" s="139"/>
      <c r="F104" s="81"/>
    </row>
    <row r="105" spans="2:6" ht="16.7" thickBot="1" x14ac:dyDescent="0.4">
      <c r="B105" s="146" t="s">
        <v>13</v>
      </c>
      <c r="C105" s="147"/>
      <c r="D105" s="100" t="s">
        <v>14</v>
      </c>
      <c r="E105" s="100" t="s">
        <v>15</v>
      </c>
      <c r="F105" s="81"/>
    </row>
    <row r="106" spans="2:6" x14ac:dyDescent="0.35">
      <c r="B106" s="246" t="s">
        <v>247</v>
      </c>
      <c r="C106" s="247"/>
      <c r="D106" s="124" t="s">
        <v>227</v>
      </c>
      <c r="E106" s="77"/>
      <c r="F106" s="81"/>
    </row>
    <row r="107" spans="2:6" x14ac:dyDescent="0.35">
      <c r="B107" s="244" t="s">
        <v>248</v>
      </c>
      <c r="C107" s="245"/>
      <c r="D107" s="125" t="s">
        <v>227</v>
      </c>
      <c r="E107" s="69"/>
      <c r="F107" s="81"/>
    </row>
    <row r="108" spans="2:6" x14ac:dyDescent="0.35">
      <c r="B108" s="244" t="s">
        <v>228</v>
      </c>
      <c r="C108" s="245"/>
      <c r="D108" s="125" t="s">
        <v>229</v>
      </c>
      <c r="E108" s="69"/>
      <c r="F108" s="81"/>
    </row>
    <row r="109" spans="2:6" x14ac:dyDescent="0.35">
      <c r="B109" s="244" t="s">
        <v>230</v>
      </c>
      <c r="C109" s="245"/>
      <c r="D109" s="125" t="s">
        <v>231</v>
      </c>
      <c r="E109" s="69"/>
      <c r="F109" s="81"/>
    </row>
    <row r="110" spans="2:6" x14ac:dyDescent="0.35">
      <c r="B110" s="244" t="s">
        <v>232</v>
      </c>
      <c r="C110" s="245"/>
      <c r="D110" s="126" t="s">
        <v>233</v>
      </c>
      <c r="E110" s="69"/>
      <c r="F110" s="81"/>
    </row>
    <row r="111" spans="2:6" x14ac:dyDescent="0.35">
      <c r="B111" s="244" t="s">
        <v>234</v>
      </c>
      <c r="C111" s="245"/>
      <c r="D111" s="125" t="s">
        <v>235</v>
      </c>
      <c r="E111" s="69"/>
      <c r="F111" s="81"/>
    </row>
    <row r="112" spans="2:6" x14ac:dyDescent="0.35">
      <c r="B112" s="244" t="s">
        <v>236</v>
      </c>
      <c r="C112" s="245"/>
      <c r="D112" s="125" t="s">
        <v>237</v>
      </c>
      <c r="E112" s="69"/>
      <c r="F112" s="81"/>
    </row>
    <row r="113" spans="2:7" x14ac:dyDescent="0.35">
      <c r="B113" s="244" t="s">
        <v>238</v>
      </c>
      <c r="C113" s="245"/>
      <c r="D113" s="125" t="s">
        <v>239</v>
      </c>
      <c r="E113" s="69"/>
      <c r="F113" s="81"/>
    </row>
    <row r="114" spans="2:7" x14ac:dyDescent="0.35">
      <c r="B114" s="244" t="s">
        <v>240</v>
      </c>
      <c r="C114" s="245"/>
      <c r="D114" s="125" t="s">
        <v>241</v>
      </c>
      <c r="E114" s="69"/>
      <c r="F114" s="81"/>
    </row>
    <row r="115" spans="2:7" ht="32.25" x14ac:dyDescent="0.35">
      <c r="B115" s="244" t="s">
        <v>242</v>
      </c>
      <c r="C115" s="245"/>
      <c r="D115" s="125" t="s">
        <v>243</v>
      </c>
      <c r="E115" s="69"/>
      <c r="F115" s="81"/>
    </row>
    <row r="116" spans="2:7" x14ac:dyDescent="0.35">
      <c r="B116" s="244" t="s">
        <v>244</v>
      </c>
      <c r="C116" s="245"/>
      <c r="D116" s="126" t="s">
        <v>245</v>
      </c>
      <c r="E116" s="69"/>
      <c r="F116" s="81"/>
    </row>
    <row r="117" spans="2:7" ht="16.7" thickBot="1" x14ac:dyDescent="0.4">
      <c r="B117" s="248" t="s">
        <v>246</v>
      </c>
      <c r="C117" s="249"/>
      <c r="D117" s="119" t="s">
        <v>339</v>
      </c>
      <c r="E117" s="70"/>
      <c r="F117" s="81"/>
    </row>
    <row r="118" spans="2:7" x14ac:dyDescent="0.35">
      <c r="B118" s="102"/>
      <c r="C118" s="103"/>
      <c r="D118" s="81"/>
      <c r="E118" s="81"/>
      <c r="F118" s="81"/>
    </row>
    <row r="119" spans="2:7" x14ac:dyDescent="0.35">
      <c r="B119" s="81"/>
      <c r="C119" s="81"/>
      <c r="D119" s="81"/>
      <c r="E119" s="81"/>
      <c r="F119" s="81"/>
    </row>
    <row r="120" spans="2:7" ht="16.7" thickBot="1" x14ac:dyDescent="0.4">
      <c r="B120" s="138" t="s">
        <v>24</v>
      </c>
      <c r="C120" s="139"/>
      <c r="D120" s="139"/>
      <c r="E120" s="81"/>
      <c r="F120" s="81"/>
    </row>
    <row r="121" spans="2:7" ht="16.7" thickBot="1" x14ac:dyDescent="0.4">
      <c r="B121" s="146" t="s">
        <v>25</v>
      </c>
      <c r="C121" s="147"/>
      <c r="D121" s="104" t="s">
        <v>26</v>
      </c>
      <c r="E121" s="81"/>
      <c r="F121" s="81"/>
    </row>
    <row r="122" spans="2:7" ht="16.7" thickBot="1" x14ac:dyDescent="0.4">
      <c r="B122" s="150" t="s">
        <v>27</v>
      </c>
      <c r="C122" s="151"/>
      <c r="D122" s="71"/>
      <c r="E122" s="81"/>
      <c r="F122" s="81"/>
    </row>
    <row r="125" spans="2:7" ht="16.7" thickBot="1" x14ac:dyDescent="0.4">
      <c r="B125" s="72"/>
      <c r="C125" s="72"/>
      <c r="E125" s="136"/>
      <c r="F125" s="136"/>
      <c r="G125" s="136"/>
    </row>
    <row r="126" spans="2:7" x14ac:dyDescent="0.35">
      <c r="B126" s="137" t="s">
        <v>28</v>
      </c>
      <c r="C126" s="137"/>
      <c r="E126" s="152" t="s">
        <v>29</v>
      </c>
      <c r="F126" s="152"/>
      <c r="G126" s="152"/>
    </row>
    <row r="129" spans="2:7" ht="16.7" thickBot="1" x14ac:dyDescent="0.4">
      <c r="B129" s="72"/>
      <c r="C129" s="72"/>
      <c r="E129" s="136"/>
      <c r="F129" s="136"/>
      <c r="G129" s="136"/>
    </row>
    <row r="130" spans="2:7" x14ac:dyDescent="0.35">
      <c r="B130" s="137" t="s">
        <v>30</v>
      </c>
      <c r="C130" s="137"/>
      <c r="E130" s="137" t="s">
        <v>31</v>
      </c>
      <c r="F130" s="137"/>
      <c r="G130" s="137"/>
    </row>
  </sheetData>
  <sheetProtection algorithmName="SHA-512" hashValue="hZLuUszWwhTWaXpGiLqm3dWGAxXTlmcBPZeFgNyBPOuae02moIx7sFS8SHOwrck+bpr8r4DJfQx7Mh2wfHYXHg==" saltValue="Eb6hakL9W7frs6Wq3Wd6Iw=="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57">
    <mergeCell ref="B12:F12"/>
    <mergeCell ref="B13:F13"/>
    <mergeCell ref="B2:C2"/>
    <mergeCell ref="D2:F2"/>
    <mergeCell ref="B3:C3"/>
    <mergeCell ref="D3:F3"/>
    <mergeCell ref="B7:F7"/>
    <mergeCell ref="B8:F8"/>
    <mergeCell ref="B9:F9"/>
    <mergeCell ref="B10:F10"/>
    <mergeCell ref="B11:F11"/>
    <mergeCell ref="B4:C4"/>
    <mergeCell ref="D4:F4"/>
    <mergeCell ref="B5:C5"/>
    <mergeCell ref="D5:F5"/>
    <mergeCell ref="B16:F16"/>
    <mergeCell ref="B17:F17"/>
    <mergeCell ref="B21:F21"/>
    <mergeCell ref="B22:D22"/>
    <mergeCell ref="B14:F14"/>
    <mergeCell ref="B15:F15"/>
    <mergeCell ref="B18:F18"/>
    <mergeCell ref="AJ22:AK22"/>
    <mergeCell ref="AP22:AQ22"/>
    <mergeCell ref="B23:D23"/>
    <mergeCell ref="AD23:AE23"/>
    <mergeCell ref="AJ23:AK23"/>
    <mergeCell ref="AP23:AQ23"/>
    <mergeCell ref="AD22:AE22"/>
    <mergeCell ref="B130:C130"/>
    <mergeCell ref="E130:G130"/>
    <mergeCell ref="B106:C106"/>
    <mergeCell ref="B107:C107"/>
    <mergeCell ref="B108:C108"/>
    <mergeCell ref="B109:C109"/>
    <mergeCell ref="B110:C110"/>
    <mergeCell ref="B111:C111"/>
    <mergeCell ref="B117:C117"/>
    <mergeCell ref="B121:C121"/>
    <mergeCell ref="B122:C122"/>
    <mergeCell ref="E125:G125"/>
    <mergeCell ref="B126:C126"/>
    <mergeCell ref="E126:G126"/>
    <mergeCell ref="B116:C116"/>
    <mergeCell ref="B112:C112"/>
    <mergeCell ref="E129:G129"/>
    <mergeCell ref="B105:C105"/>
    <mergeCell ref="B113:C113"/>
    <mergeCell ref="B114:C114"/>
    <mergeCell ref="B115:C115"/>
    <mergeCell ref="B120:D120"/>
    <mergeCell ref="B104:E104"/>
    <mergeCell ref="B25:F25"/>
    <mergeCell ref="C27:E27"/>
    <mergeCell ref="C39:E39"/>
    <mergeCell ref="C56:E56"/>
    <mergeCell ref="C66:E66"/>
  </mergeCells>
  <hyperlinks>
    <hyperlink ref="D116" r:id="rId1" display="https://www.google.com/url?sa=i&amp;source=web&amp;rct=j&amp;url=https://www.sars.gov.za/customs-and-excise/excise/excise-offices/&amp;ved=2ahUKEwiXuan1uaSTAxW9a0EAHVFoO-sQy_kOegQIARAB&amp;opi=89978449&amp;cd&amp;psig=AOvVaw3w8BgCSRK6TcLRDzc2vKjp&amp;ust=1773751641423000" xr:uid="{4ED76E50-0030-448B-AFFA-FDE0C92B6506}"/>
  </hyperlinks>
  <pageMargins left="6.9444444444444441E-3" right="6.9444444444444441E-3" top="6.9444444444444441E-3" bottom="6.9444444444444441E-3" header="0.3" footer="0.3"/>
  <pageSetup paperSize="9" scale="51" orientation="portrait" r:id="rId2"/>
  <rowBreaks count="1" manualBreakCount="1">
    <brk id="65" max="6"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8177296-817A-45D7-B8A5-CDF13EA46400}">
  <dimension ref="A1:AQ120"/>
  <sheetViews>
    <sheetView view="pageBreakPreview" topLeftCell="A9" zoomScale="95" zoomScaleNormal="85" zoomScaleSheetLayoutView="95" workbookViewId="0">
      <selection activeCell="B17" sqref="B17:F17"/>
    </sheetView>
  </sheetViews>
  <sheetFormatPr defaultColWidth="9.09765625" defaultRowHeight="16.149999999999999" x14ac:dyDescent="0.35"/>
  <cols>
    <col min="1" max="1" width="5.3984375" style="52" customWidth="1"/>
    <col min="2" max="2" width="10.69921875" style="52" customWidth="1"/>
    <col min="3" max="3" width="33.296875" style="52" customWidth="1"/>
    <col min="4" max="4" width="73.296875" style="52" customWidth="1"/>
    <col min="5" max="6" width="24" style="52" customWidth="1"/>
    <col min="7" max="7" width="6.69921875" style="52" customWidth="1"/>
    <col min="8" max="8" width="27.8984375" style="52" customWidth="1"/>
    <col min="9" max="16384" width="9.09765625" style="52"/>
  </cols>
  <sheetData>
    <row r="1" spans="1:8" s="75" customFormat="1" ht="16.7" thickBot="1" x14ac:dyDescent="0.4">
      <c r="A1" s="73"/>
      <c r="B1" s="74"/>
      <c r="C1" s="74"/>
      <c r="D1" s="74"/>
      <c r="F1" s="73"/>
    </row>
    <row r="2" spans="1:8" x14ac:dyDescent="0.35">
      <c r="B2" s="175" t="s">
        <v>0</v>
      </c>
      <c r="C2" s="176" t="s">
        <v>164</v>
      </c>
      <c r="D2" s="177" t="s">
        <v>327</v>
      </c>
      <c r="E2" s="178"/>
      <c r="F2" s="179"/>
    </row>
    <row r="3" spans="1:8" ht="35.299999999999997" customHeight="1" x14ac:dyDescent="0.35">
      <c r="B3" s="180" t="s">
        <v>1</v>
      </c>
      <c r="C3" s="181" t="s">
        <v>168</v>
      </c>
      <c r="D3" s="197" t="s">
        <v>330</v>
      </c>
      <c r="E3" s="198"/>
      <c r="F3" s="199"/>
    </row>
    <row r="4" spans="1:8" x14ac:dyDescent="0.35">
      <c r="B4" s="180" t="s">
        <v>2</v>
      </c>
      <c r="C4" s="181" t="s">
        <v>315</v>
      </c>
      <c r="D4" s="185" t="s">
        <v>324</v>
      </c>
      <c r="E4" s="186"/>
      <c r="F4" s="187"/>
    </row>
    <row r="5" spans="1:8" ht="16.7" thickBot="1" x14ac:dyDescent="0.4">
      <c r="B5" s="170" t="s">
        <v>3</v>
      </c>
      <c r="C5" s="171"/>
      <c r="D5" s="172"/>
      <c r="E5" s="173"/>
      <c r="F5" s="174"/>
    </row>
    <row r="6" spans="1:8" ht="16.7" thickBot="1" x14ac:dyDescent="0.4">
      <c r="B6" s="81"/>
      <c r="C6" s="81"/>
      <c r="D6" s="81"/>
      <c r="E6" s="81"/>
      <c r="F6" s="81"/>
    </row>
    <row r="7" spans="1:8" x14ac:dyDescent="0.35">
      <c r="B7" s="254" t="s">
        <v>4</v>
      </c>
      <c r="C7" s="255"/>
      <c r="D7" s="255"/>
      <c r="E7" s="255"/>
      <c r="F7" s="256"/>
    </row>
    <row r="8" spans="1:8" ht="16.600000000000001" customHeight="1" x14ac:dyDescent="0.35">
      <c r="B8" s="153" t="s">
        <v>332</v>
      </c>
      <c r="C8" s="154"/>
      <c r="D8" s="154"/>
      <c r="E8" s="154"/>
      <c r="F8" s="155"/>
      <c r="G8" s="54"/>
      <c r="H8" s="54"/>
    </row>
    <row r="9" spans="1:8" ht="35.299999999999997" customHeight="1" x14ac:dyDescent="0.35">
      <c r="B9" s="164" t="s">
        <v>5</v>
      </c>
      <c r="C9" s="165"/>
      <c r="D9" s="165"/>
      <c r="E9" s="165"/>
      <c r="F9" s="166"/>
      <c r="G9" s="54"/>
      <c r="H9" s="54"/>
    </row>
    <row r="10" spans="1:8" x14ac:dyDescent="0.35">
      <c r="B10" s="164" t="s">
        <v>344</v>
      </c>
      <c r="C10" s="165"/>
      <c r="D10" s="165"/>
      <c r="E10" s="165"/>
      <c r="F10" s="166"/>
    </row>
    <row r="11" spans="1:8" ht="36.75" customHeight="1" x14ac:dyDescent="0.35">
      <c r="B11" s="164" t="s">
        <v>165</v>
      </c>
      <c r="C11" s="165"/>
      <c r="D11" s="165"/>
      <c r="E11" s="165"/>
      <c r="F11" s="166"/>
      <c r="G11" s="54"/>
      <c r="H11" s="54"/>
    </row>
    <row r="12" spans="1:8" ht="51" customHeight="1" x14ac:dyDescent="0.35">
      <c r="B12" s="164" t="s">
        <v>166</v>
      </c>
      <c r="C12" s="165"/>
      <c r="D12" s="165"/>
      <c r="E12" s="165"/>
      <c r="F12" s="166"/>
    </row>
    <row r="13" spans="1:8" x14ac:dyDescent="0.35">
      <c r="B13" s="164" t="s">
        <v>167</v>
      </c>
      <c r="C13" s="165"/>
      <c r="D13" s="165"/>
      <c r="E13" s="165"/>
      <c r="F13" s="166"/>
      <c r="G13" s="54"/>
      <c r="H13" s="54"/>
    </row>
    <row r="14" spans="1:8" x14ac:dyDescent="0.35">
      <c r="A14" s="81"/>
      <c r="B14" s="153" t="s">
        <v>354</v>
      </c>
      <c r="C14" s="154"/>
      <c r="D14" s="154"/>
      <c r="E14" s="154"/>
      <c r="F14" s="155"/>
      <c r="G14" s="81"/>
      <c r="H14" s="54"/>
    </row>
    <row r="15" spans="1:8" x14ac:dyDescent="0.35">
      <c r="A15" s="81"/>
      <c r="B15" s="188" t="s">
        <v>352</v>
      </c>
      <c r="C15" s="189"/>
      <c r="D15" s="189"/>
      <c r="E15" s="189"/>
      <c r="F15" s="190"/>
      <c r="G15" s="81"/>
      <c r="H15" s="54"/>
    </row>
    <row r="16" spans="1:8" ht="33" customHeight="1" x14ac:dyDescent="0.35">
      <c r="A16" s="81"/>
      <c r="B16" s="164" t="s">
        <v>346</v>
      </c>
      <c r="C16" s="165"/>
      <c r="D16" s="165"/>
      <c r="E16" s="165"/>
      <c r="F16" s="166"/>
      <c r="G16" s="81"/>
      <c r="H16" s="54"/>
    </row>
    <row r="17" spans="1:43" x14ac:dyDescent="0.35">
      <c r="A17" s="81"/>
      <c r="B17" s="153" t="s">
        <v>347</v>
      </c>
      <c r="C17" s="154"/>
      <c r="D17" s="154"/>
      <c r="E17" s="154"/>
      <c r="F17" s="155"/>
      <c r="G17" s="81"/>
      <c r="H17" s="54"/>
    </row>
    <row r="18" spans="1:43" ht="18" customHeight="1" thickBot="1" x14ac:dyDescent="0.4">
      <c r="A18" s="81"/>
      <c r="B18" s="167" t="s">
        <v>348</v>
      </c>
      <c r="C18" s="168"/>
      <c r="D18" s="168"/>
      <c r="E18" s="168"/>
      <c r="F18" s="169"/>
      <c r="G18" s="81"/>
      <c r="H18" s="54"/>
    </row>
    <row r="19" spans="1:43" ht="18" customHeight="1" x14ac:dyDescent="0.35">
      <c r="A19" s="81"/>
      <c r="B19" s="134"/>
      <c r="C19" s="82"/>
      <c r="D19" s="82"/>
      <c r="E19" s="82"/>
      <c r="F19" s="135"/>
      <c r="G19" s="81"/>
      <c r="H19" s="54"/>
    </row>
    <row r="20" spans="1:43" ht="18" customHeight="1" thickBot="1" x14ac:dyDescent="0.4">
      <c r="A20" s="81"/>
      <c r="B20" s="134"/>
      <c r="C20" s="82"/>
      <c r="D20" s="82"/>
      <c r="E20" s="82"/>
      <c r="F20" s="135"/>
      <c r="G20" s="81"/>
      <c r="H20" s="54"/>
    </row>
    <row r="21" spans="1:43" x14ac:dyDescent="0.35">
      <c r="B21" s="191" t="s">
        <v>6</v>
      </c>
      <c r="C21" s="192"/>
      <c r="D21" s="192"/>
      <c r="E21" s="192"/>
      <c r="F21" s="193"/>
      <c r="G21" s="57"/>
      <c r="H21" s="57"/>
      <c r="I21" s="57"/>
    </row>
    <row r="22" spans="1:43" x14ac:dyDescent="0.35">
      <c r="B22" s="161" t="s">
        <v>7</v>
      </c>
      <c r="C22" s="162"/>
      <c r="D22" s="163"/>
      <c r="E22" s="84" t="s">
        <v>8</v>
      </c>
      <c r="F22" s="85" t="s">
        <v>9</v>
      </c>
      <c r="G22" s="57"/>
      <c r="H22" s="57"/>
      <c r="I22" s="57"/>
      <c r="J22" s="57"/>
      <c r="K22" s="57"/>
      <c r="L22" s="57"/>
      <c r="M22" s="57"/>
      <c r="N22" s="57"/>
      <c r="O22" s="57"/>
      <c r="P22" s="57"/>
      <c r="Q22" s="57"/>
      <c r="R22" s="57"/>
      <c r="S22" s="58"/>
      <c r="T22" s="57"/>
      <c r="U22" s="57"/>
      <c r="V22" s="57"/>
      <c r="W22" s="57"/>
      <c r="X22" s="58"/>
      <c r="Y22" s="58"/>
      <c r="Z22" s="57"/>
      <c r="AA22" s="57"/>
      <c r="AB22" s="57"/>
      <c r="AC22" s="57"/>
      <c r="AD22" s="156"/>
      <c r="AE22" s="156"/>
      <c r="AF22" s="57"/>
      <c r="AG22" s="57"/>
      <c r="AH22" s="57"/>
      <c r="AI22" s="57"/>
      <c r="AJ22" s="156"/>
      <c r="AK22" s="156"/>
      <c r="AL22" s="57"/>
      <c r="AM22" s="57"/>
      <c r="AN22" s="57"/>
      <c r="AO22" s="57"/>
      <c r="AP22" s="156"/>
      <c r="AQ22" s="156"/>
    </row>
    <row r="23" spans="1:43" ht="16.7" thickBot="1" x14ac:dyDescent="0.4">
      <c r="B23" s="157" t="s">
        <v>10</v>
      </c>
      <c r="C23" s="158"/>
      <c r="D23" s="159"/>
      <c r="E23" s="59"/>
      <c r="F23" s="60"/>
      <c r="G23" s="57"/>
      <c r="H23" s="57"/>
      <c r="I23" s="57"/>
      <c r="J23" s="61"/>
      <c r="K23" s="61"/>
      <c r="L23" s="61"/>
      <c r="M23" s="61"/>
      <c r="N23" s="61"/>
      <c r="O23" s="61"/>
      <c r="P23" s="61"/>
      <c r="Q23" s="61"/>
      <c r="R23" s="61"/>
      <c r="T23" s="61"/>
      <c r="U23" s="61"/>
      <c r="V23" s="61"/>
      <c r="W23" s="61"/>
      <c r="Z23" s="61"/>
      <c r="AA23" s="61"/>
      <c r="AB23" s="61"/>
      <c r="AC23" s="61"/>
      <c r="AD23" s="160"/>
      <c r="AE23" s="160"/>
      <c r="AF23" s="61"/>
      <c r="AG23" s="61"/>
      <c r="AH23" s="61"/>
      <c r="AI23" s="61"/>
      <c r="AJ23" s="160"/>
      <c r="AK23" s="160"/>
      <c r="AL23" s="61"/>
      <c r="AM23" s="61"/>
      <c r="AN23" s="61"/>
      <c r="AO23" s="61"/>
      <c r="AP23" s="160"/>
      <c r="AQ23" s="160"/>
    </row>
    <row r="24" spans="1:43" x14ac:dyDescent="0.35">
      <c r="B24" s="86"/>
      <c r="C24" s="86"/>
      <c r="D24" s="86"/>
      <c r="E24" s="87"/>
      <c r="F24" s="87"/>
      <c r="G24" s="57"/>
      <c r="H24" s="57"/>
      <c r="I24" s="57"/>
      <c r="J24" s="61"/>
      <c r="K24" s="61"/>
      <c r="L24" s="61"/>
      <c r="M24" s="61"/>
      <c r="N24" s="61"/>
      <c r="O24" s="61"/>
      <c r="P24" s="61"/>
      <c r="Q24" s="61"/>
      <c r="R24" s="61"/>
      <c r="T24" s="61"/>
      <c r="U24" s="61"/>
      <c r="V24" s="61"/>
      <c r="W24" s="61"/>
      <c r="Z24" s="61"/>
      <c r="AA24" s="61"/>
      <c r="AB24" s="61"/>
      <c r="AC24" s="61"/>
      <c r="AD24" s="62"/>
      <c r="AE24" s="62"/>
      <c r="AF24" s="61"/>
      <c r="AG24" s="61"/>
      <c r="AH24" s="61"/>
      <c r="AI24" s="61"/>
      <c r="AJ24" s="62"/>
      <c r="AK24" s="62"/>
      <c r="AL24" s="61"/>
      <c r="AM24" s="61"/>
      <c r="AN24" s="61"/>
      <c r="AO24" s="61"/>
      <c r="AP24" s="62"/>
      <c r="AQ24" s="62"/>
    </row>
    <row r="25" spans="1:43" ht="16.7" thickBot="1" x14ac:dyDescent="0.4">
      <c r="B25" s="138" t="s">
        <v>32</v>
      </c>
      <c r="C25" s="139"/>
      <c r="D25" s="139"/>
      <c r="E25" s="139"/>
      <c r="F25" s="139"/>
    </row>
    <row r="26" spans="1:43" s="63" customFormat="1" ht="39.049999999999997" customHeight="1" thickBot="1" x14ac:dyDescent="0.35">
      <c r="B26" s="88" t="s">
        <v>170</v>
      </c>
      <c r="C26" s="88" t="s">
        <v>169</v>
      </c>
      <c r="D26" s="88" t="s">
        <v>7</v>
      </c>
      <c r="E26" s="88" t="s">
        <v>11</v>
      </c>
      <c r="F26" s="89" t="s">
        <v>12</v>
      </c>
    </row>
    <row r="27" spans="1:43" ht="16.7" thickBot="1" x14ac:dyDescent="0.4">
      <c r="B27" s="90">
        <v>1</v>
      </c>
      <c r="C27" s="140" t="s">
        <v>33</v>
      </c>
      <c r="D27" s="141"/>
      <c r="E27" s="142"/>
      <c r="F27" s="91"/>
    </row>
    <row r="28" spans="1:43" ht="32.25" x14ac:dyDescent="0.35">
      <c r="B28" s="90">
        <v>1.1000000000000001</v>
      </c>
      <c r="C28" s="92" t="s">
        <v>34</v>
      </c>
      <c r="D28" s="93" t="s">
        <v>35</v>
      </c>
      <c r="E28" s="92" t="s">
        <v>172</v>
      </c>
      <c r="F28" s="66"/>
    </row>
    <row r="29" spans="1:43" x14ac:dyDescent="0.35">
      <c r="B29" s="90">
        <v>1.2</v>
      </c>
      <c r="C29" s="92" t="s">
        <v>36</v>
      </c>
      <c r="D29" s="93" t="s">
        <v>37</v>
      </c>
      <c r="E29" s="92" t="s">
        <v>172</v>
      </c>
      <c r="F29" s="66"/>
    </row>
    <row r="30" spans="1:43" x14ac:dyDescent="0.35">
      <c r="B30" s="90">
        <v>1.3</v>
      </c>
      <c r="C30" s="92" t="s">
        <v>38</v>
      </c>
      <c r="D30" s="93" t="s">
        <v>39</v>
      </c>
      <c r="E30" s="92" t="s">
        <v>40</v>
      </c>
      <c r="F30" s="66"/>
    </row>
    <row r="31" spans="1:43" ht="32.25" x14ac:dyDescent="0.35">
      <c r="B31" s="90">
        <v>1.4</v>
      </c>
      <c r="C31" s="92" t="s">
        <v>349</v>
      </c>
      <c r="D31" s="93" t="s">
        <v>41</v>
      </c>
      <c r="E31" s="92" t="s">
        <v>42</v>
      </c>
      <c r="F31" s="66"/>
    </row>
    <row r="32" spans="1:43" x14ac:dyDescent="0.35">
      <c r="B32" s="90">
        <v>1.5</v>
      </c>
      <c r="C32" s="92" t="s">
        <v>43</v>
      </c>
      <c r="D32" s="93" t="s">
        <v>44</v>
      </c>
      <c r="E32" s="92" t="s">
        <v>47</v>
      </c>
      <c r="F32" s="66"/>
    </row>
    <row r="33" spans="2:6" x14ac:dyDescent="0.35">
      <c r="B33" s="90">
        <v>1.6</v>
      </c>
      <c r="C33" s="92" t="s">
        <v>45</v>
      </c>
      <c r="D33" s="93" t="s">
        <v>46</v>
      </c>
      <c r="E33" s="92" t="s">
        <v>47</v>
      </c>
      <c r="F33" s="66"/>
    </row>
    <row r="34" spans="2:6" x14ac:dyDescent="0.35">
      <c r="B34" s="90">
        <v>1.7</v>
      </c>
      <c r="C34" s="92" t="s">
        <v>48</v>
      </c>
      <c r="D34" s="93" t="s">
        <v>49</v>
      </c>
      <c r="E34" s="92" t="s">
        <v>47</v>
      </c>
      <c r="F34" s="66"/>
    </row>
    <row r="35" spans="2:6" x14ac:dyDescent="0.35">
      <c r="B35" s="90">
        <v>1.8</v>
      </c>
      <c r="C35" s="92" t="s">
        <v>50</v>
      </c>
      <c r="D35" s="93" t="s">
        <v>51</v>
      </c>
      <c r="E35" s="92" t="s">
        <v>40</v>
      </c>
      <c r="F35" s="66"/>
    </row>
    <row r="36" spans="2:6" x14ac:dyDescent="0.35">
      <c r="B36" s="90">
        <v>1.9</v>
      </c>
      <c r="C36" s="92" t="s">
        <v>52</v>
      </c>
      <c r="D36" s="93" t="s">
        <v>53</v>
      </c>
      <c r="E36" s="92" t="s">
        <v>47</v>
      </c>
      <c r="F36" s="66"/>
    </row>
    <row r="37" spans="2:6" x14ac:dyDescent="0.35">
      <c r="B37" s="94">
        <v>1.1000000000000001</v>
      </c>
      <c r="C37" s="92" t="s">
        <v>54</v>
      </c>
      <c r="D37" s="93" t="s">
        <v>55</v>
      </c>
      <c r="E37" s="92" t="s">
        <v>56</v>
      </c>
      <c r="F37" s="66"/>
    </row>
    <row r="38" spans="2:6" ht="16.7" thickBot="1" x14ac:dyDescent="0.4">
      <c r="B38" s="90">
        <v>1.1100000000000001</v>
      </c>
      <c r="C38" s="92" t="s">
        <v>57</v>
      </c>
      <c r="D38" s="93" t="s">
        <v>58</v>
      </c>
      <c r="E38" s="92" t="s">
        <v>59</v>
      </c>
      <c r="F38" s="66"/>
    </row>
    <row r="39" spans="2:6" ht="16.7" thickBot="1" x14ac:dyDescent="0.4">
      <c r="B39" s="90">
        <v>2</v>
      </c>
      <c r="C39" s="140" t="s">
        <v>60</v>
      </c>
      <c r="D39" s="141"/>
      <c r="E39" s="142"/>
      <c r="F39" s="65"/>
    </row>
    <row r="40" spans="2:6" x14ac:dyDescent="0.35">
      <c r="B40" s="90">
        <v>2.1</v>
      </c>
      <c r="C40" s="92" t="s">
        <v>61</v>
      </c>
      <c r="D40" s="93" t="s">
        <v>62</v>
      </c>
      <c r="E40" s="92" t="s">
        <v>56</v>
      </c>
      <c r="F40" s="66"/>
    </row>
    <row r="41" spans="2:6" x14ac:dyDescent="0.35">
      <c r="B41" s="90">
        <v>2.2000000000000002</v>
      </c>
      <c r="C41" s="92" t="s">
        <v>63</v>
      </c>
      <c r="D41" s="93" t="s">
        <v>64</v>
      </c>
      <c r="E41" s="92" t="s">
        <v>40</v>
      </c>
      <c r="F41" s="66"/>
    </row>
    <row r="42" spans="2:6" x14ac:dyDescent="0.35">
      <c r="B42" s="90">
        <v>2.2999999999999998</v>
      </c>
      <c r="C42" s="92" t="s">
        <v>65</v>
      </c>
      <c r="D42" s="93" t="s">
        <v>350</v>
      </c>
      <c r="E42" s="92" t="s">
        <v>47</v>
      </c>
      <c r="F42" s="66"/>
    </row>
    <row r="43" spans="2:6" x14ac:dyDescent="0.35">
      <c r="B43" s="90">
        <v>2.4</v>
      </c>
      <c r="C43" s="92" t="s">
        <v>66</v>
      </c>
      <c r="D43" s="93" t="s">
        <v>67</v>
      </c>
      <c r="E43" s="92" t="s">
        <v>56</v>
      </c>
      <c r="F43" s="66"/>
    </row>
    <row r="44" spans="2:6" x14ac:dyDescent="0.35">
      <c r="B44" s="90">
        <v>2.5</v>
      </c>
      <c r="C44" s="92" t="s">
        <v>68</v>
      </c>
      <c r="D44" s="93" t="s">
        <v>69</v>
      </c>
      <c r="E44" s="92" t="s">
        <v>56</v>
      </c>
      <c r="F44" s="66"/>
    </row>
    <row r="45" spans="2:6" x14ac:dyDescent="0.35">
      <c r="B45" s="90">
        <v>2.6</v>
      </c>
      <c r="C45" s="92" t="s">
        <v>70</v>
      </c>
      <c r="D45" s="93" t="s">
        <v>71</v>
      </c>
      <c r="E45" s="92" t="s">
        <v>56</v>
      </c>
      <c r="F45" s="66"/>
    </row>
    <row r="46" spans="2:6" x14ac:dyDescent="0.35">
      <c r="B46" s="90">
        <v>2.7</v>
      </c>
      <c r="C46" s="92" t="s">
        <v>72</v>
      </c>
      <c r="D46" s="93" t="s">
        <v>73</v>
      </c>
      <c r="E46" s="92" t="s">
        <v>56</v>
      </c>
      <c r="F46" s="66"/>
    </row>
    <row r="47" spans="2:6" x14ac:dyDescent="0.35">
      <c r="B47" s="90">
        <v>2.8</v>
      </c>
      <c r="C47" s="92" t="s">
        <v>74</v>
      </c>
      <c r="D47" s="93" t="s">
        <v>75</v>
      </c>
      <c r="E47" s="92" t="s">
        <v>56</v>
      </c>
      <c r="F47" s="66"/>
    </row>
    <row r="48" spans="2:6" x14ac:dyDescent="0.35">
      <c r="B48" s="90">
        <v>2.9</v>
      </c>
      <c r="C48" s="92" t="s">
        <v>74</v>
      </c>
      <c r="D48" s="93" t="s">
        <v>76</v>
      </c>
      <c r="E48" s="92" t="s">
        <v>59</v>
      </c>
      <c r="F48" s="66"/>
    </row>
    <row r="49" spans="2:6" x14ac:dyDescent="0.35">
      <c r="B49" s="94">
        <v>2.1</v>
      </c>
      <c r="C49" s="92" t="s">
        <v>77</v>
      </c>
      <c r="D49" s="93" t="s">
        <v>78</v>
      </c>
      <c r="E49" s="92" t="s">
        <v>56</v>
      </c>
      <c r="F49" s="66"/>
    </row>
    <row r="50" spans="2:6" x14ac:dyDescent="0.35">
      <c r="B50" s="90">
        <v>2.11</v>
      </c>
      <c r="C50" s="92" t="s">
        <v>77</v>
      </c>
      <c r="D50" s="93" t="s">
        <v>79</v>
      </c>
      <c r="E50" s="92" t="s">
        <v>59</v>
      </c>
      <c r="F50" s="66"/>
    </row>
    <row r="51" spans="2:6" x14ac:dyDescent="0.35">
      <c r="B51" s="90">
        <v>2.12</v>
      </c>
      <c r="C51" s="92" t="s">
        <v>80</v>
      </c>
      <c r="D51" s="93" t="s">
        <v>81</v>
      </c>
      <c r="E51" s="92" t="s">
        <v>56</v>
      </c>
      <c r="F51" s="66"/>
    </row>
    <row r="52" spans="2:6" x14ac:dyDescent="0.35">
      <c r="B52" s="90">
        <v>2.13</v>
      </c>
      <c r="C52" s="92" t="s">
        <v>82</v>
      </c>
      <c r="D52" s="93" t="s">
        <v>83</v>
      </c>
      <c r="E52" s="92" t="s">
        <v>40</v>
      </c>
      <c r="F52" s="66"/>
    </row>
    <row r="53" spans="2:6" x14ac:dyDescent="0.35">
      <c r="B53" s="90">
        <v>2.14</v>
      </c>
      <c r="C53" s="92" t="s">
        <v>84</v>
      </c>
      <c r="D53" s="93" t="s">
        <v>85</v>
      </c>
      <c r="E53" s="92" t="s">
        <v>86</v>
      </c>
      <c r="F53" s="66"/>
    </row>
    <row r="54" spans="2:6" x14ac:dyDescent="0.35">
      <c r="B54" s="90">
        <v>2.15</v>
      </c>
      <c r="C54" s="92" t="s">
        <v>87</v>
      </c>
      <c r="D54" s="93" t="s">
        <v>88</v>
      </c>
      <c r="E54" s="92" t="s">
        <v>56</v>
      </c>
      <c r="F54" s="66"/>
    </row>
    <row r="55" spans="2:6" ht="16.7" thickBot="1" x14ac:dyDescent="0.4">
      <c r="B55" s="90"/>
      <c r="C55" s="92"/>
      <c r="D55" s="93"/>
      <c r="E55" s="92"/>
      <c r="F55" s="65"/>
    </row>
    <row r="56" spans="2:6" ht="16.7" thickBot="1" x14ac:dyDescent="0.4">
      <c r="B56" s="90">
        <v>3</v>
      </c>
      <c r="C56" s="140" t="s">
        <v>89</v>
      </c>
      <c r="D56" s="141"/>
      <c r="E56" s="142"/>
      <c r="F56" s="65"/>
    </row>
    <row r="57" spans="2:6" ht="32.25" x14ac:dyDescent="0.35">
      <c r="B57" s="90">
        <v>3.1</v>
      </c>
      <c r="C57" s="92" t="s">
        <v>90</v>
      </c>
      <c r="D57" s="93" t="s">
        <v>91</v>
      </c>
      <c r="E57" s="92" t="s">
        <v>40</v>
      </c>
      <c r="F57" s="66"/>
    </row>
    <row r="58" spans="2:6" x14ac:dyDescent="0.35">
      <c r="B58" s="90">
        <v>3.2</v>
      </c>
      <c r="C58" s="92" t="s">
        <v>92</v>
      </c>
      <c r="D58" s="93" t="s">
        <v>171</v>
      </c>
      <c r="E58" s="92" t="s">
        <v>86</v>
      </c>
      <c r="F58" s="66"/>
    </row>
    <row r="59" spans="2:6" x14ac:dyDescent="0.35">
      <c r="B59" s="90">
        <v>3.3</v>
      </c>
      <c r="C59" s="92" t="s">
        <v>93</v>
      </c>
      <c r="D59" s="93" t="s">
        <v>94</v>
      </c>
      <c r="E59" s="92" t="s">
        <v>40</v>
      </c>
      <c r="F59" s="66"/>
    </row>
    <row r="60" spans="2:6" x14ac:dyDescent="0.35">
      <c r="B60" s="90">
        <v>3.4</v>
      </c>
      <c r="C60" s="92" t="s">
        <v>95</v>
      </c>
      <c r="D60" s="93" t="s">
        <v>96</v>
      </c>
      <c r="E60" s="92" t="s">
        <v>47</v>
      </c>
      <c r="F60" s="66"/>
    </row>
    <row r="61" spans="2:6" x14ac:dyDescent="0.35">
      <c r="B61" s="90">
        <v>3.5</v>
      </c>
      <c r="C61" s="92" t="s">
        <v>97</v>
      </c>
      <c r="D61" s="93" t="s">
        <v>98</v>
      </c>
      <c r="E61" s="92" t="s">
        <v>40</v>
      </c>
      <c r="F61" s="66"/>
    </row>
    <row r="62" spans="2:6" x14ac:dyDescent="0.35">
      <c r="B62" s="90">
        <v>3.6</v>
      </c>
      <c r="C62" s="92" t="s">
        <v>99</v>
      </c>
      <c r="D62" s="93" t="s">
        <v>100</v>
      </c>
      <c r="E62" s="92" t="s">
        <v>40</v>
      </c>
      <c r="F62" s="66"/>
    </row>
    <row r="63" spans="2:6" x14ac:dyDescent="0.35">
      <c r="B63" s="90">
        <v>3.7</v>
      </c>
      <c r="C63" s="92" t="s">
        <v>101</v>
      </c>
      <c r="D63" s="93" t="s">
        <v>102</v>
      </c>
      <c r="E63" s="92" t="s">
        <v>40</v>
      </c>
      <c r="F63" s="66"/>
    </row>
    <row r="64" spans="2:6" x14ac:dyDescent="0.35">
      <c r="B64" s="90">
        <v>3.8</v>
      </c>
      <c r="C64" s="92" t="s">
        <v>103</v>
      </c>
      <c r="D64" s="93" t="s">
        <v>104</v>
      </c>
      <c r="E64" s="92" t="s">
        <v>40</v>
      </c>
      <c r="F64" s="66"/>
    </row>
    <row r="65" spans="2:6" ht="16.7" thickBot="1" x14ac:dyDescent="0.4">
      <c r="B65" s="90"/>
      <c r="C65" s="92"/>
      <c r="D65" s="93"/>
      <c r="E65" s="92"/>
      <c r="F65" s="65"/>
    </row>
    <row r="66" spans="2:6" ht="16.7" thickBot="1" x14ac:dyDescent="0.4">
      <c r="B66" s="90">
        <v>4</v>
      </c>
      <c r="C66" s="140" t="s">
        <v>105</v>
      </c>
      <c r="D66" s="141"/>
      <c r="E66" s="142"/>
      <c r="F66" s="65"/>
    </row>
    <row r="67" spans="2:6" x14ac:dyDescent="0.35">
      <c r="B67" s="90">
        <v>4.0999999999999996</v>
      </c>
      <c r="C67" s="92" t="s">
        <v>106</v>
      </c>
      <c r="D67" s="93" t="s">
        <v>107</v>
      </c>
      <c r="E67" s="92" t="s">
        <v>40</v>
      </c>
      <c r="F67" s="66"/>
    </row>
    <row r="68" spans="2:6" x14ac:dyDescent="0.35">
      <c r="B68" s="90">
        <v>4.2</v>
      </c>
      <c r="C68" s="92" t="s">
        <v>108</v>
      </c>
      <c r="D68" s="93" t="s">
        <v>109</v>
      </c>
      <c r="E68" s="92" t="s">
        <v>40</v>
      </c>
      <c r="F68" s="66"/>
    </row>
    <row r="69" spans="2:6" x14ac:dyDescent="0.35">
      <c r="B69" s="90">
        <v>4.3</v>
      </c>
      <c r="C69" s="92" t="s">
        <v>110</v>
      </c>
      <c r="D69" s="93" t="s">
        <v>111</v>
      </c>
      <c r="E69" s="92" t="s">
        <v>40</v>
      </c>
      <c r="F69" s="66"/>
    </row>
    <row r="70" spans="2:6" x14ac:dyDescent="0.35">
      <c r="B70" s="90">
        <v>4.4000000000000004</v>
      </c>
      <c r="C70" s="92" t="s">
        <v>112</v>
      </c>
      <c r="D70" s="93" t="s">
        <v>113</v>
      </c>
      <c r="E70" s="92" t="s">
        <v>40</v>
      </c>
      <c r="F70" s="66"/>
    </row>
    <row r="71" spans="2:6" x14ac:dyDescent="0.35">
      <c r="B71" s="90">
        <v>4.5</v>
      </c>
      <c r="C71" s="92" t="s">
        <v>114</v>
      </c>
      <c r="D71" s="93" t="s">
        <v>115</v>
      </c>
      <c r="E71" s="92" t="s">
        <v>40</v>
      </c>
      <c r="F71" s="66"/>
    </row>
    <row r="72" spans="2:6" x14ac:dyDescent="0.35">
      <c r="B72" s="90">
        <v>4.5999999999999996</v>
      </c>
      <c r="C72" s="92" t="s">
        <v>116</v>
      </c>
      <c r="D72" s="93" t="s">
        <v>117</v>
      </c>
      <c r="E72" s="92" t="s">
        <v>40</v>
      </c>
      <c r="F72" s="67"/>
    </row>
    <row r="73" spans="2:6" x14ac:dyDescent="0.35">
      <c r="B73" s="90">
        <v>4.7</v>
      </c>
      <c r="C73" s="92" t="s">
        <v>118</v>
      </c>
      <c r="D73" s="93" t="s">
        <v>119</v>
      </c>
      <c r="E73" s="92" t="s">
        <v>40</v>
      </c>
      <c r="F73" s="67"/>
    </row>
    <row r="74" spans="2:6" x14ac:dyDescent="0.35">
      <c r="B74" s="90">
        <v>4.8</v>
      </c>
      <c r="C74" s="92" t="s">
        <v>120</v>
      </c>
      <c r="D74" s="93" t="s">
        <v>121</v>
      </c>
      <c r="E74" s="92" t="s">
        <v>40</v>
      </c>
      <c r="F74" s="67"/>
    </row>
    <row r="75" spans="2:6" x14ac:dyDescent="0.35">
      <c r="B75" s="90">
        <v>4.9000000000000004</v>
      </c>
      <c r="C75" s="92" t="s">
        <v>120</v>
      </c>
      <c r="D75" s="93" t="s">
        <v>122</v>
      </c>
      <c r="E75" s="92" t="s">
        <v>40</v>
      </c>
      <c r="F75" s="67"/>
    </row>
    <row r="76" spans="2:6" x14ac:dyDescent="0.35">
      <c r="B76" s="94">
        <v>4.0999999999999996</v>
      </c>
      <c r="C76" s="92" t="s">
        <v>123</v>
      </c>
      <c r="D76" s="93" t="s">
        <v>124</v>
      </c>
      <c r="E76" s="92" t="s">
        <v>40</v>
      </c>
      <c r="F76" s="67"/>
    </row>
    <row r="77" spans="2:6" x14ac:dyDescent="0.35">
      <c r="B77" s="90">
        <v>4.1100000000000003</v>
      </c>
      <c r="C77" s="92" t="s">
        <v>125</v>
      </c>
      <c r="D77" s="93" t="s">
        <v>126</v>
      </c>
      <c r="E77" s="92" t="s">
        <v>40</v>
      </c>
      <c r="F77" s="67"/>
    </row>
    <row r="78" spans="2:6" x14ac:dyDescent="0.35">
      <c r="B78" s="90">
        <v>4.12</v>
      </c>
      <c r="C78" s="92" t="s">
        <v>127</v>
      </c>
      <c r="D78" s="93" t="s">
        <v>128</v>
      </c>
      <c r="E78" s="92" t="s">
        <v>40</v>
      </c>
      <c r="F78" s="67"/>
    </row>
    <row r="79" spans="2:6" x14ac:dyDescent="0.35">
      <c r="B79" s="90">
        <v>4.13</v>
      </c>
      <c r="C79" s="92" t="s">
        <v>129</v>
      </c>
      <c r="D79" s="93" t="s">
        <v>130</v>
      </c>
      <c r="E79" s="92" t="s">
        <v>40</v>
      </c>
      <c r="F79" s="67"/>
    </row>
    <row r="80" spans="2:6" x14ac:dyDescent="0.35">
      <c r="B80" s="90">
        <v>4.1399999999999997</v>
      </c>
      <c r="C80" s="92" t="s">
        <v>351</v>
      </c>
      <c r="D80" s="93" t="s">
        <v>131</v>
      </c>
      <c r="E80" s="92" t="s">
        <v>56</v>
      </c>
      <c r="F80" s="67"/>
    </row>
    <row r="81" spans="2:6" x14ac:dyDescent="0.35">
      <c r="B81" s="90">
        <v>4.1500000000000004</v>
      </c>
      <c r="C81" s="92" t="s">
        <v>132</v>
      </c>
      <c r="D81" s="93" t="s">
        <v>133</v>
      </c>
      <c r="E81" s="92" t="s">
        <v>40</v>
      </c>
      <c r="F81" s="67"/>
    </row>
    <row r="82" spans="2:6" x14ac:dyDescent="0.35">
      <c r="B82" s="90">
        <v>4.16</v>
      </c>
      <c r="C82" s="92" t="s">
        <v>132</v>
      </c>
      <c r="D82" s="93" t="s">
        <v>134</v>
      </c>
      <c r="E82" s="92" t="s">
        <v>40</v>
      </c>
      <c r="F82" s="67"/>
    </row>
    <row r="83" spans="2:6" x14ac:dyDescent="0.35">
      <c r="B83" s="90">
        <v>4.17</v>
      </c>
      <c r="C83" s="92" t="s">
        <v>135</v>
      </c>
      <c r="D83" s="93" t="s">
        <v>136</v>
      </c>
      <c r="E83" s="92" t="s">
        <v>40</v>
      </c>
      <c r="F83" s="67"/>
    </row>
    <row r="84" spans="2:6" x14ac:dyDescent="0.35">
      <c r="B84" s="90">
        <v>4.18</v>
      </c>
      <c r="C84" s="92" t="s">
        <v>135</v>
      </c>
      <c r="D84" s="93" t="s">
        <v>137</v>
      </c>
      <c r="E84" s="92" t="s">
        <v>40</v>
      </c>
      <c r="F84" s="67"/>
    </row>
    <row r="85" spans="2:6" x14ac:dyDescent="0.35">
      <c r="B85" s="90">
        <v>4.1900000000000004</v>
      </c>
      <c r="C85" s="92" t="s">
        <v>138</v>
      </c>
      <c r="D85" s="93" t="s">
        <v>139</v>
      </c>
      <c r="E85" s="92" t="s">
        <v>40</v>
      </c>
      <c r="F85" s="67"/>
    </row>
    <row r="86" spans="2:6" x14ac:dyDescent="0.35">
      <c r="B86" s="94">
        <v>4.2</v>
      </c>
      <c r="C86" s="92" t="s">
        <v>140</v>
      </c>
      <c r="D86" s="93" t="s">
        <v>141</v>
      </c>
      <c r="E86" s="92" t="s">
        <v>40</v>
      </c>
      <c r="F86" s="67"/>
    </row>
    <row r="87" spans="2:6" x14ac:dyDescent="0.35">
      <c r="B87" s="90">
        <v>4.21</v>
      </c>
      <c r="C87" s="92" t="s">
        <v>142</v>
      </c>
      <c r="D87" s="93" t="s">
        <v>143</v>
      </c>
      <c r="E87" s="92" t="s">
        <v>40</v>
      </c>
      <c r="F87" s="67"/>
    </row>
    <row r="88" spans="2:6" x14ac:dyDescent="0.35">
      <c r="B88" s="90">
        <v>4.22</v>
      </c>
      <c r="C88" s="92" t="s">
        <v>144</v>
      </c>
      <c r="D88" s="93" t="s">
        <v>145</v>
      </c>
      <c r="E88" s="92" t="s">
        <v>56</v>
      </c>
      <c r="F88" s="67"/>
    </row>
    <row r="89" spans="2:6" x14ac:dyDescent="0.35">
      <c r="B89" s="90">
        <v>4.2300000000000004</v>
      </c>
      <c r="C89" s="92" t="s">
        <v>146</v>
      </c>
      <c r="D89" s="93" t="s">
        <v>147</v>
      </c>
      <c r="E89" s="92" t="s">
        <v>56</v>
      </c>
      <c r="F89" s="67"/>
    </row>
    <row r="90" spans="2:6" x14ac:dyDescent="0.35">
      <c r="B90" s="90">
        <v>4.24</v>
      </c>
      <c r="C90" s="92" t="s">
        <v>146</v>
      </c>
      <c r="D90" s="93" t="s">
        <v>148</v>
      </c>
      <c r="E90" s="92" t="s">
        <v>56</v>
      </c>
      <c r="F90" s="67"/>
    </row>
    <row r="91" spans="2:6" x14ac:dyDescent="0.35">
      <c r="B91" s="90">
        <v>4.25</v>
      </c>
      <c r="C91" s="92" t="s">
        <v>146</v>
      </c>
      <c r="D91" s="93" t="s">
        <v>149</v>
      </c>
      <c r="E91" s="92" t="s">
        <v>56</v>
      </c>
      <c r="F91" s="67"/>
    </row>
    <row r="92" spans="2:6" x14ac:dyDescent="0.35">
      <c r="B92" s="90">
        <v>4.26</v>
      </c>
      <c r="C92" s="92" t="s">
        <v>150</v>
      </c>
      <c r="D92" s="93" t="s">
        <v>151</v>
      </c>
      <c r="E92" s="92" t="s">
        <v>56</v>
      </c>
      <c r="F92" s="67"/>
    </row>
    <row r="93" spans="2:6" x14ac:dyDescent="0.35">
      <c r="B93" s="94">
        <v>4.3</v>
      </c>
      <c r="C93" s="92" t="s">
        <v>152</v>
      </c>
      <c r="D93" s="93" t="s">
        <v>153</v>
      </c>
      <c r="E93" s="92" t="s">
        <v>56</v>
      </c>
      <c r="F93" s="67"/>
    </row>
    <row r="94" spans="2:6" x14ac:dyDescent="0.35">
      <c r="B94" s="90">
        <v>4.3099999999999996</v>
      </c>
      <c r="C94" s="92" t="s">
        <v>154</v>
      </c>
      <c r="D94" s="93" t="s">
        <v>154</v>
      </c>
      <c r="E94" s="92" t="s">
        <v>40</v>
      </c>
      <c r="F94" s="67"/>
    </row>
    <row r="95" spans="2:6" x14ac:dyDescent="0.35">
      <c r="B95" s="90">
        <v>4.32</v>
      </c>
      <c r="C95" s="92" t="s">
        <v>84</v>
      </c>
      <c r="D95" s="93" t="s">
        <v>155</v>
      </c>
      <c r="E95" s="92" t="s">
        <v>40</v>
      </c>
      <c r="F95" s="67"/>
    </row>
    <row r="96" spans="2:6" x14ac:dyDescent="0.35">
      <c r="B96" s="90">
        <v>4.33</v>
      </c>
      <c r="C96" s="92" t="s">
        <v>156</v>
      </c>
      <c r="D96" s="93" t="s">
        <v>157</v>
      </c>
      <c r="E96" s="92" t="s">
        <v>40</v>
      </c>
      <c r="F96" s="67"/>
    </row>
    <row r="97" spans="2:6" x14ac:dyDescent="0.35">
      <c r="B97" s="90">
        <v>4.34</v>
      </c>
      <c r="C97" s="92" t="s">
        <v>158</v>
      </c>
      <c r="D97" s="93" t="s">
        <v>158</v>
      </c>
      <c r="E97" s="92" t="s">
        <v>40</v>
      </c>
      <c r="F97" s="67"/>
    </row>
    <row r="98" spans="2:6" x14ac:dyDescent="0.35">
      <c r="B98" s="90">
        <v>4.3499999999999996</v>
      </c>
      <c r="C98" s="92" t="s">
        <v>159</v>
      </c>
      <c r="D98" s="93" t="s">
        <v>160</v>
      </c>
      <c r="E98" s="92" t="s">
        <v>56</v>
      </c>
      <c r="F98" s="67"/>
    </row>
    <row r="99" spans="2:6" x14ac:dyDescent="0.35">
      <c r="B99" s="90">
        <v>4.3600000000000003</v>
      </c>
      <c r="C99" s="92" t="s">
        <v>161</v>
      </c>
      <c r="D99" s="93" t="s">
        <v>162</v>
      </c>
      <c r="E99" s="92" t="s">
        <v>40</v>
      </c>
      <c r="F99" s="67"/>
    </row>
    <row r="100" spans="2:6" x14ac:dyDescent="0.35">
      <c r="B100" s="90">
        <v>4.37</v>
      </c>
      <c r="C100" s="92" t="s">
        <v>161</v>
      </c>
      <c r="D100" s="93" t="s">
        <v>163</v>
      </c>
      <c r="E100" s="92" t="s">
        <v>40</v>
      </c>
      <c r="F100" s="67"/>
    </row>
    <row r="101" spans="2:6" ht="16.7" thickBot="1" x14ac:dyDescent="0.4">
      <c r="B101" s="96"/>
      <c r="C101" s="97"/>
      <c r="D101" s="98"/>
      <c r="E101" s="98"/>
      <c r="F101" s="105"/>
    </row>
    <row r="102" spans="2:6" x14ac:dyDescent="0.35">
      <c r="B102" s="81"/>
      <c r="C102" s="81"/>
      <c r="D102" s="81"/>
      <c r="E102" s="81"/>
      <c r="F102" s="81"/>
    </row>
    <row r="103" spans="2:6" ht="16.7" thickBot="1" x14ac:dyDescent="0.4">
      <c r="B103" s="81"/>
      <c r="C103" s="81"/>
      <c r="D103" s="99"/>
      <c r="E103" s="81"/>
      <c r="F103" s="81"/>
    </row>
    <row r="104" spans="2:6" ht="16.7" thickBot="1" x14ac:dyDescent="0.4">
      <c r="B104" s="143" t="s">
        <v>173</v>
      </c>
      <c r="C104" s="144"/>
      <c r="D104" s="144"/>
      <c r="E104" s="145"/>
      <c r="F104" s="81"/>
    </row>
    <row r="105" spans="2:6" ht="16.7" thickBot="1" x14ac:dyDescent="0.4">
      <c r="B105" s="146" t="s">
        <v>13</v>
      </c>
      <c r="C105" s="147"/>
      <c r="D105" s="100" t="s">
        <v>14</v>
      </c>
      <c r="E105" s="100" t="s">
        <v>15</v>
      </c>
      <c r="F105" s="81"/>
    </row>
    <row r="106" spans="2:6" x14ac:dyDescent="0.35">
      <c r="B106" s="250" t="s">
        <v>249</v>
      </c>
      <c r="C106" s="251"/>
      <c r="D106" s="110" t="s">
        <v>250</v>
      </c>
      <c r="E106" s="77"/>
      <c r="F106" s="81"/>
    </row>
    <row r="107" spans="2:6" ht="16.7" thickBot="1" x14ac:dyDescent="0.4">
      <c r="B107" s="252" t="s">
        <v>251</v>
      </c>
      <c r="C107" s="253"/>
      <c r="D107" s="101" t="s">
        <v>252</v>
      </c>
      <c r="E107" s="70"/>
      <c r="F107" s="81"/>
    </row>
    <row r="108" spans="2:6" x14ac:dyDescent="0.35">
      <c r="B108" s="102"/>
      <c r="C108" s="103"/>
      <c r="D108" s="81"/>
      <c r="E108" s="81"/>
      <c r="F108" s="81"/>
    </row>
    <row r="109" spans="2:6" x14ac:dyDescent="0.35">
      <c r="B109" s="81"/>
      <c r="C109" s="81"/>
      <c r="D109" s="81"/>
      <c r="E109" s="81"/>
      <c r="F109" s="81"/>
    </row>
    <row r="110" spans="2:6" ht="16.7" thickBot="1" x14ac:dyDescent="0.4">
      <c r="B110" s="138" t="s">
        <v>24</v>
      </c>
      <c r="C110" s="139"/>
      <c r="D110" s="139"/>
      <c r="E110" s="81"/>
      <c r="F110" s="81"/>
    </row>
    <row r="111" spans="2:6" ht="16.7" thickBot="1" x14ac:dyDescent="0.4">
      <c r="B111" s="146" t="s">
        <v>25</v>
      </c>
      <c r="C111" s="147"/>
      <c r="D111" s="104" t="s">
        <v>26</v>
      </c>
      <c r="E111" s="81"/>
      <c r="F111" s="81"/>
    </row>
    <row r="112" spans="2:6" ht="16.7" thickBot="1" x14ac:dyDescent="0.4">
      <c r="B112" s="150" t="s">
        <v>27</v>
      </c>
      <c r="C112" s="151"/>
      <c r="D112" s="71"/>
      <c r="E112" s="81"/>
      <c r="F112" s="81"/>
    </row>
    <row r="115" spans="2:7" ht="16.7" thickBot="1" x14ac:dyDescent="0.4">
      <c r="B115" s="72"/>
      <c r="C115" s="72"/>
      <c r="E115" s="136"/>
      <c r="F115" s="136"/>
      <c r="G115" s="136"/>
    </row>
    <row r="116" spans="2:7" x14ac:dyDescent="0.35">
      <c r="B116" s="137" t="s">
        <v>28</v>
      </c>
      <c r="C116" s="137"/>
      <c r="E116" s="152" t="s">
        <v>29</v>
      </c>
      <c r="F116" s="152"/>
      <c r="G116" s="152"/>
    </row>
    <row r="119" spans="2:7" ht="16.7" thickBot="1" x14ac:dyDescent="0.4">
      <c r="B119" s="72"/>
      <c r="C119" s="72"/>
      <c r="E119" s="136"/>
      <c r="F119" s="136"/>
      <c r="G119" s="136"/>
    </row>
    <row r="120" spans="2:7" x14ac:dyDescent="0.35">
      <c r="B120" s="137" t="s">
        <v>30</v>
      </c>
      <c r="C120" s="137"/>
      <c r="E120" s="137" t="s">
        <v>31</v>
      </c>
      <c r="F120" s="137"/>
      <c r="G120" s="137"/>
    </row>
  </sheetData>
  <sheetProtection algorithmName="SHA-512" hashValue="MuliT3EjVqHS2gBJ/nlSeYO/2nH5Nsd87o1adjgZ3u1JHgzH75djhHsj7i1R+Fxm0WCj6pbqCQUlX5vZOQUMqw==" saltValue="S7k5LIsXBOUMC3ppXuOZGg==" spinCount="100000" sheet="1" objects="1" scenarios="1"/>
  <protectedRanges>
    <protectedRange sqref="C9" name="Range1_14_2_1_2_1_2_2_2_2_1_2_1_2_2_3_1_1_1_2_1_1_2_1_1"/>
    <protectedRange sqref="C13 C17 C15" name="Range1_14_2_1_2_1_2_2_2_2_1_2_1_2_2_3_1_1_1_3_1_1_1_2_1"/>
    <protectedRange sqref="C11" name="Range1_14_2_1_2_1_2_2_2_2_1_2_1_2_2_3_1_1_1_3_1_1_1_1_1_1"/>
    <protectedRange sqref="C8" name="Range1_14_2_1_2_1_2_2_2_2_1_2_1_2_2_3_1_1_1_2_1_1_2_1_1_1"/>
    <protectedRange sqref="C14" name="Range1_14_2_1_2_1_2_2_2_2_1_2_1_2_2_3_1_1_1_3_1_1_1_2_1_1"/>
  </protectedRanges>
  <mergeCells count="47">
    <mergeCell ref="B2:C2"/>
    <mergeCell ref="D2:F2"/>
    <mergeCell ref="B3:C3"/>
    <mergeCell ref="D3:F3"/>
    <mergeCell ref="B14:F14"/>
    <mergeCell ref="B7:F7"/>
    <mergeCell ref="B8:F8"/>
    <mergeCell ref="B9:F9"/>
    <mergeCell ref="B10:F10"/>
    <mergeCell ref="B11:F11"/>
    <mergeCell ref="B12:F12"/>
    <mergeCell ref="B13:F13"/>
    <mergeCell ref="B4:C4"/>
    <mergeCell ref="D4:F4"/>
    <mergeCell ref="B5:C5"/>
    <mergeCell ref="D5:F5"/>
    <mergeCell ref="AJ22:AK22"/>
    <mergeCell ref="AP22:AQ22"/>
    <mergeCell ref="B23:D23"/>
    <mergeCell ref="AD23:AE23"/>
    <mergeCell ref="AJ23:AK23"/>
    <mergeCell ref="AP23:AQ23"/>
    <mergeCell ref="AD22:AE22"/>
    <mergeCell ref="B22:D22"/>
    <mergeCell ref="B120:C120"/>
    <mergeCell ref="E120:G120"/>
    <mergeCell ref="B106:C106"/>
    <mergeCell ref="B107:C107"/>
    <mergeCell ref="B111:C111"/>
    <mergeCell ref="B112:C112"/>
    <mergeCell ref="E115:G115"/>
    <mergeCell ref="B116:C116"/>
    <mergeCell ref="E116:G116"/>
    <mergeCell ref="E119:G119"/>
    <mergeCell ref="B110:D110"/>
    <mergeCell ref="B15:F15"/>
    <mergeCell ref="B16:F16"/>
    <mergeCell ref="B17:F17"/>
    <mergeCell ref="B21:F21"/>
    <mergeCell ref="B105:C105"/>
    <mergeCell ref="B25:F25"/>
    <mergeCell ref="C27:E27"/>
    <mergeCell ref="C39:E39"/>
    <mergeCell ref="C56:E56"/>
    <mergeCell ref="C66:E66"/>
    <mergeCell ref="B104:E104"/>
    <mergeCell ref="B18:F18"/>
  </mergeCells>
  <pageMargins left="6.9444444444444441E-3" right="6.9444444444444441E-3" top="6.9444444444444441E-3" bottom="6.9444444444444441E-3" header="0.3" footer="0.3"/>
  <pageSetup paperSize="9" scale="46" orientation="portrait" r:id="rId1"/>
  <rowBreaks count="1" manualBreakCount="1">
    <brk id="65" max="6"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6</vt:i4>
      </vt:variant>
      <vt:variant>
        <vt:lpstr>Named Ranges</vt:lpstr>
      </vt:variant>
      <vt:variant>
        <vt:i4>16</vt:i4>
      </vt:variant>
    </vt:vector>
  </HeadingPairs>
  <TitlesOfParts>
    <vt:vector size="32" baseType="lpstr">
      <vt:lpstr> GS CL1</vt:lpstr>
      <vt:lpstr>GS CL2</vt:lpstr>
      <vt:lpstr>GN CL3</vt:lpstr>
      <vt:lpstr>LMP CL4</vt:lpstr>
      <vt:lpstr>LMP CL5</vt:lpstr>
      <vt:lpstr>MPU CL6</vt:lpstr>
      <vt:lpstr>MPU CL7</vt:lpstr>
      <vt:lpstr>WP CL8</vt:lpstr>
      <vt:lpstr>EC CL9</vt:lpstr>
      <vt:lpstr>EC CL10</vt:lpstr>
      <vt:lpstr>NW CL11</vt:lpstr>
      <vt:lpstr>NW CL12</vt:lpstr>
      <vt:lpstr>KZN CL13</vt:lpstr>
      <vt:lpstr>KZN CL14</vt:lpstr>
      <vt:lpstr>FS CL15 </vt:lpstr>
      <vt:lpstr>FS-CL16</vt:lpstr>
      <vt:lpstr>' GS CL1'!Print_Area</vt:lpstr>
      <vt:lpstr>'EC CL10'!Print_Area</vt:lpstr>
      <vt:lpstr>'EC CL9'!Print_Area</vt:lpstr>
      <vt:lpstr>'FS CL15 '!Print_Area</vt:lpstr>
      <vt:lpstr>'FS-CL16'!Print_Area</vt:lpstr>
      <vt:lpstr>'GN CL3'!Print_Area</vt:lpstr>
      <vt:lpstr>'GS CL2'!Print_Area</vt:lpstr>
      <vt:lpstr>'KZN CL13'!Print_Area</vt:lpstr>
      <vt:lpstr>'KZN CL14'!Print_Area</vt:lpstr>
      <vt:lpstr>'LMP CL4'!Print_Area</vt:lpstr>
      <vt:lpstr>'LMP CL5'!Print_Area</vt:lpstr>
      <vt:lpstr>'MPU CL6'!Print_Area</vt:lpstr>
      <vt:lpstr>'MPU CL7'!Print_Area</vt:lpstr>
      <vt:lpstr>'NW CL11'!Print_Area</vt:lpstr>
      <vt:lpstr>'NW CL12'!Print_Area</vt:lpstr>
      <vt:lpstr>'WP CL8'!Print_Area</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llen Ntsie</dc:creator>
  <cp:lastModifiedBy>Alfred Masemene</cp:lastModifiedBy>
  <cp:lastPrinted>2026-06-10T13:50:18Z</cp:lastPrinted>
  <dcterms:created xsi:type="dcterms:W3CDTF">2026-05-26T07:44:53Z</dcterms:created>
  <dcterms:modified xsi:type="dcterms:W3CDTF">2026-07-08T08:47:35Z</dcterms:modified>
</cp:coreProperties>
</file>